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ダウンロード\"/>
    </mc:Choice>
  </mc:AlternateContent>
  <bookViews>
    <workbookView xWindow="31176" yWindow="588" windowWidth="24516" windowHeight="17016" tabRatio="874"/>
  </bookViews>
  <sheets>
    <sheet name="R05運営状況点検書" sheetId="23" r:id="rId1"/>
  </sheets>
  <externalReferences>
    <externalReference r:id="rId2"/>
  </externalReferences>
  <definedNames>
    <definedName name="【記載例】シフト記号">#REF!</definedName>
    <definedName name="【記載例】シフト記号表" localSheetId="0">'[1]【記載例】シフト記号表（勤務時間帯）'!$C$6:$C$47</definedName>
    <definedName name="【記載例】シフト記号表">#REF!</definedName>
    <definedName name="HIT_ROW107" localSheetId="0">'R05運営状況点検書'!#REF!</definedName>
    <definedName name="HIT_ROW109" localSheetId="0">'R05運営状況点検書'!#REF!</definedName>
    <definedName name="HIT_ROW124" localSheetId="0">'R05運営状況点検書'!#REF!</definedName>
    <definedName name="HIT_ROW180" localSheetId="0">'R05運営状況点検書'!#REF!</definedName>
    <definedName name="HIT_ROW81" localSheetId="0">'R05運営状況点検書'!#REF!</definedName>
    <definedName name="_xlnm.Print_Area" localSheetId="0">'R05運営状況点検書'!$A$1:$AB$250</definedName>
    <definedName name="Z_00240E07_8E3B_4524_9936_879E89435545_.wvu.PrintArea" localSheetId="0" hidden="1">'R05運営状況点検書'!$A$1:$AC$182</definedName>
    <definedName name="Z_00240E07_8E3B_4524_9936_879E89435545_.wvu.Rows" localSheetId="0" hidden="1">'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R05運営状況点検書'!#REF!</definedName>
    <definedName name="シフト記号表" localSheetId="0">[1]シフト記号表!$C$6:$C$47</definedName>
    <definedName name="シフト記号表">#REF!</definedName>
    <definedName name="介護職員">#REF!</definedName>
    <definedName name="看護職員">#REF!</definedName>
    <definedName name="管理者">#REF!</definedName>
    <definedName name="機能訓練指導員">#REF!</definedName>
    <definedName name="計画作成担当者">#REF!</definedName>
    <definedName name="職種" localSheetId="0">[1]プルダウン・リスト!$C$21:$L$21</definedName>
    <definedName name="職種">#REF!</definedName>
    <definedName name="生活相談員">#REF!</definedName>
  </definedNames>
  <calcPr calcId="162913" refMode="R1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254" uniqueCount="177">
  <si>
    <r>
      <t>令和５年度　運 営</t>
    </r>
    <r>
      <rPr>
        <b/>
        <sz val="23.5"/>
        <rFont val="Century"/>
        <family val="1"/>
      </rPr>
      <t xml:space="preserve"> </t>
    </r>
    <r>
      <rPr>
        <b/>
        <sz val="23.5"/>
        <rFont val="MS Gothic"/>
        <family val="3"/>
        <charset val="128"/>
      </rPr>
      <t>状 況 点 検 書</t>
    </r>
    <rPh sb="0" eb="2">
      <t>レイワ</t>
    </rPh>
    <phoneticPr fontId="5"/>
  </si>
  <si>
    <t xml:space="preserve"> 点検日</t>
  </si>
  <si>
    <t>点検者（職・氏名）※原則として管理者が行ってください。　</t>
    <phoneticPr fontId="5"/>
  </si>
  <si>
    <t xml:space="preserve"> 令和５年 　月　  日</t>
    <rPh sb="1" eb="3">
      <t>レイワ</t>
    </rPh>
    <phoneticPr fontId="5"/>
  </si>
  <si>
    <t>　</t>
  </si>
  <si>
    <t xml:space="preserve"> フリガナ</t>
  </si>
  <si>
    <t xml:space="preserve"> 名　　称</t>
  </si>
  <si>
    <t xml:space="preserve"> </t>
  </si>
  <si>
    <t>〒</t>
    <phoneticPr fontId="5"/>
  </si>
  <si>
    <t>電話</t>
    <rPh sb="0" eb="2">
      <t>デンワ</t>
    </rPh>
    <phoneticPr fontId="5"/>
  </si>
  <si>
    <t>所　在　地</t>
    <rPh sb="0" eb="1">
      <t>トコロ</t>
    </rPh>
    <rPh sb="2" eb="3">
      <t>ザイ</t>
    </rPh>
    <rPh sb="4" eb="5">
      <t>チ</t>
    </rPh>
    <phoneticPr fontId="5"/>
  </si>
  <si>
    <t>点検結果</t>
    <rPh sb="0" eb="2">
      <t>テンケン</t>
    </rPh>
    <rPh sb="2" eb="4">
      <t>ケッカ</t>
    </rPh>
    <phoneticPr fontId="5"/>
  </si>
  <si>
    <t>①</t>
  </si>
  <si>
    <t>①</t>
    <phoneticPr fontId="5"/>
  </si>
  <si>
    <t>②</t>
    <phoneticPr fontId="5"/>
  </si>
  <si>
    <t>③</t>
    <phoneticPr fontId="5"/>
  </si>
  <si>
    <t>④</t>
    <phoneticPr fontId="5"/>
  </si>
  <si>
    <t>②</t>
  </si>
  <si>
    <t>③</t>
  </si>
  <si>
    <t>事業所</t>
    <rPh sb="0" eb="3">
      <t>ジギョウショ</t>
    </rPh>
    <phoneticPr fontId="5"/>
  </si>
  <si>
    <t>入居者の福祉を重視するとともに、安定的かつ継続的な事業運営を確保している。</t>
    <rPh sb="0" eb="3">
      <t>ニュウキョシャ</t>
    </rPh>
    <rPh sb="4" eb="6">
      <t>フクシ</t>
    </rPh>
    <rPh sb="7" eb="9">
      <t>ジュウシ</t>
    </rPh>
    <rPh sb="16" eb="19">
      <t>アンテイテキ</t>
    </rPh>
    <rPh sb="21" eb="24">
      <t>ケイゾクテキ</t>
    </rPh>
    <rPh sb="25" eb="27">
      <t>ジギョウ</t>
    </rPh>
    <rPh sb="27" eb="29">
      <t>ウンエイ</t>
    </rPh>
    <rPh sb="30" eb="32">
      <t>カクホ</t>
    </rPh>
    <phoneticPr fontId="5"/>
  </si>
  <si>
    <t>②</t>
    <phoneticPr fontId="1"/>
  </si>
  <si>
    <t>介護サービスを提供する有料老人ホームにあっては、より一層、入居者個人としての尊厳を確保しつつ福祉の向上を図っている。</t>
    <rPh sb="0" eb="2">
      <t>カイゴ</t>
    </rPh>
    <rPh sb="7" eb="9">
      <t>テイキョウ</t>
    </rPh>
    <rPh sb="11" eb="15">
      <t>ユウリョウロウジン</t>
    </rPh>
    <rPh sb="26" eb="28">
      <t>イッソウ</t>
    </rPh>
    <rPh sb="29" eb="32">
      <t>ニュウキョシャ</t>
    </rPh>
    <rPh sb="32" eb="34">
      <t>コジン</t>
    </rPh>
    <rPh sb="38" eb="40">
      <t>ソンゲン</t>
    </rPh>
    <rPh sb="41" eb="43">
      <t>カクホ</t>
    </rPh>
    <rPh sb="46" eb="48">
      <t>フクシ</t>
    </rPh>
    <rPh sb="49" eb="51">
      <t>コウジョウ</t>
    </rPh>
    <rPh sb="52" eb="53">
      <t>ハカ</t>
    </rPh>
    <phoneticPr fontId="1"/>
  </si>
  <si>
    <t>③</t>
    <phoneticPr fontId="1"/>
  </si>
  <si>
    <t>老人福祉法に定める帳簿の作成及び保存、情報の開示、権利金等の受領禁止、並びに前払いの保全措置及び返還に関する規定を順守している。</t>
    <rPh sb="0" eb="2">
      <t>ロウジン</t>
    </rPh>
    <rPh sb="2" eb="4">
      <t>フクシ</t>
    </rPh>
    <rPh sb="4" eb="5">
      <t>ホウ</t>
    </rPh>
    <rPh sb="6" eb="7">
      <t>サダ</t>
    </rPh>
    <rPh sb="9" eb="11">
      <t>チョウボ</t>
    </rPh>
    <rPh sb="12" eb="14">
      <t>サクセイ</t>
    </rPh>
    <rPh sb="14" eb="15">
      <t>オヨ</t>
    </rPh>
    <rPh sb="16" eb="18">
      <t>ホゾン</t>
    </rPh>
    <rPh sb="19" eb="21">
      <t>ジョウホウ</t>
    </rPh>
    <rPh sb="22" eb="24">
      <t>カイジ</t>
    </rPh>
    <rPh sb="25" eb="28">
      <t>ケンリキン</t>
    </rPh>
    <rPh sb="28" eb="29">
      <t>ナド</t>
    </rPh>
    <rPh sb="30" eb="32">
      <t>ジュリョウ</t>
    </rPh>
    <rPh sb="32" eb="34">
      <t>キンシ</t>
    </rPh>
    <rPh sb="35" eb="36">
      <t>ナラ</t>
    </rPh>
    <rPh sb="38" eb="40">
      <t>マエバラ</t>
    </rPh>
    <rPh sb="42" eb="44">
      <t>ホゼン</t>
    </rPh>
    <rPh sb="44" eb="46">
      <t>ソチ</t>
    </rPh>
    <rPh sb="46" eb="47">
      <t>オヨ</t>
    </rPh>
    <rPh sb="48" eb="50">
      <t>ヘンカン</t>
    </rPh>
    <rPh sb="51" eb="52">
      <t>カン</t>
    </rPh>
    <rPh sb="54" eb="56">
      <t>キテイ</t>
    </rPh>
    <rPh sb="57" eb="59">
      <t>ジュンシュ</t>
    </rPh>
    <phoneticPr fontId="1"/>
  </si>
  <si>
    <t>④</t>
    <phoneticPr fontId="1"/>
  </si>
  <si>
    <t>入居者等に対し、サービス内容等の情報を開示するなどにより施設運営について理解を得るように努め、入居者等の信頼を確保している。</t>
    <rPh sb="0" eb="3">
      <t>ニュウキョシャ</t>
    </rPh>
    <rPh sb="3" eb="4">
      <t>ナド</t>
    </rPh>
    <rPh sb="5" eb="6">
      <t>タイ</t>
    </rPh>
    <rPh sb="12" eb="14">
      <t>ナイヨウ</t>
    </rPh>
    <rPh sb="14" eb="15">
      <t>ナド</t>
    </rPh>
    <rPh sb="16" eb="18">
      <t>ジョウホウ</t>
    </rPh>
    <rPh sb="19" eb="21">
      <t>カイジ</t>
    </rPh>
    <rPh sb="28" eb="32">
      <t>シセツウンエイ</t>
    </rPh>
    <rPh sb="36" eb="38">
      <t>リカイ</t>
    </rPh>
    <rPh sb="39" eb="40">
      <t>エ</t>
    </rPh>
    <rPh sb="44" eb="45">
      <t>ツト</t>
    </rPh>
    <rPh sb="47" eb="50">
      <t>ニュウキョシャ</t>
    </rPh>
    <rPh sb="50" eb="51">
      <t>ナド</t>
    </rPh>
    <rPh sb="52" eb="54">
      <t>シンライ</t>
    </rPh>
    <rPh sb="55" eb="57">
      <t>カクホ</t>
    </rPh>
    <phoneticPr fontId="1"/>
  </si>
  <si>
    <t>⑤</t>
    <phoneticPr fontId="1"/>
  </si>
  <si>
    <t>関係法令並びに事務取扱要綱及び神奈川県有料老人ホーム設置運営指導指針を満たすだけでなく、より高い水準の施設運営に向けて努力している。</t>
    <rPh sb="0" eb="2">
      <t>カンケイ</t>
    </rPh>
    <rPh sb="2" eb="4">
      <t>ホウレイ</t>
    </rPh>
    <rPh sb="4" eb="5">
      <t>ナラ</t>
    </rPh>
    <rPh sb="7" eb="13">
      <t>ジムトリアツカイヨウコウ</t>
    </rPh>
    <rPh sb="13" eb="14">
      <t>オヨ</t>
    </rPh>
    <rPh sb="15" eb="21">
      <t>カナガワケンユウリョウ</t>
    </rPh>
    <rPh sb="21" eb="23">
      <t>ロウジン</t>
    </rPh>
    <rPh sb="26" eb="30">
      <t>セッチウンエイ</t>
    </rPh>
    <rPh sb="30" eb="34">
      <t>シドウシシン</t>
    </rPh>
    <rPh sb="35" eb="36">
      <t>ミ</t>
    </rPh>
    <rPh sb="46" eb="47">
      <t>タカ</t>
    </rPh>
    <rPh sb="48" eb="50">
      <t>スイジュン</t>
    </rPh>
    <rPh sb="51" eb="55">
      <t>シセツウンエイ</t>
    </rPh>
    <rPh sb="56" eb="57">
      <t>ム</t>
    </rPh>
    <rPh sb="59" eb="61">
      <t>ドリョク</t>
    </rPh>
    <phoneticPr fontId="1"/>
  </si>
  <si>
    <t>（１）神奈川県有料老人ホーム設置運営指導指針　(運営の手引き　p.4)</t>
    <rPh sb="3" eb="7">
      <t>カナガワケン</t>
    </rPh>
    <rPh sb="7" eb="11">
      <t>ユウリョウロウジン</t>
    </rPh>
    <rPh sb="14" eb="18">
      <t>セッチウンエイ</t>
    </rPh>
    <rPh sb="18" eb="20">
      <t>シドウ</t>
    </rPh>
    <rPh sb="20" eb="22">
      <t>シシン</t>
    </rPh>
    <phoneticPr fontId="5"/>
  </si>
  <si>
    <t>（１）　防火安全対策の強化　(運営の手引き p.5)</t>
    <rPh sb="4" eb="6">
      <t>ボウカ</t>
    </rPh>
    <rPh sb="6" eb="8">
      <t>アンゼン</t>
    </rPh>
    <rPh sb="8" eb="10">
      <t>タイサク</t>
    </rPh>
    <rPh sb="11" eb="13">
      <t>キョウカ</t>
    </rPh>
    <rPh sb="15" eb="17">
      <t>ウンエイ</t>
    </rPh>
    <rPh sb="18" eb="20">
      <t>テビ</t>
    </rPh>
    <phoneticPr fontId="5"/>
  </si>
  <si>
    <t>喫煙等の火気管理の徹底を図っている。また、暖房機器や厨房機器等の火気使用設備・器具の管理の徹底を図るとともに、過熱防止装置などの出火防止機能に優れた機器等の使用に努めている。</t>
    <rPh sb="0" eb="2">
      <t>キツエン</t>
    </rPh>
    <rPh sb="2" eb="3">
      <t>ナド</t>
    </rPh>
    <rPh sb="4" eb="6">
      <t>カキ</t>
    </rPh>
    <rPh sb="6" eb="8">
      <t>カンリ</t>
    </rPh>
    <rPh sb="9" eb="11">
      <t>テッテイ</t>
    </rPh>
    <rPh sb="12" eb="13">
      <t>ハカ</t>
    </rPh>
    <rPh sb="21" eb="23">
      <t>ダンボウ</t>
    </rPh>
    <rPh sb="23" eb="25">
      <t>キキ</t>
    </rPh>
    <rPh sb="26" eb="28">
      <t>チュウボウ</t>
    </rPh>
    <rPh sb="28" eb="30">
      <t>キキ</t>
    </rPh>
    <rPh sb="30" eb="31">
      <t>ナド</t>
    </rPh>
    <rPh sb="32" eb="34">
      <t>カキ</t>
    </rPh>
    <rPh sb="34" eb="36">
      <t>シヨウ</t>
    </rPh>
    <rPh sb="36" eb="38">
      <t>セツビ</t>
    </rPh>
    <rPh sb="39" eb="41">
      <t>キグ</t>
    </rPh>
    <rPh sb="42" eb="44">
      <t>カンリ</t>
    </rPh>
    <rPh sb="45" eb="47">
      <t>テッテイ</t>
    </rPh>
    <rPh sb="48" eb="49">
      <t>ハカ</t>
    </rPh>
    <rPh sb="55" eb="61">
      <t>カネツボウシソウチ</t>
    </rPh>
    <rPh sb="64" eb="68">
      <t>シュッカボウシ</t>
    </rPh>
    <rPh sb="68" eb="70">
      <t>キノウ</t>
    </rPh>
    <rPh sb="71" eb="72">
      <t>スグ</t>
    </rPh>
    <rPh sb="74" eb="77">
      <t>キキナド</t>
    </rPh>
    <rPh sb="78" eb="80">
      <t>シヨウ</t>
    </rPh>
    <rPh sb="81" eb="82">
      <t>ツト</t>
    </rPh>
    <phoneticPr fontId="5"/>
  </si>
  <si>
    <t>家具等の転倒（落下）防止策がなされている。</t>
    <rPh sb="0" eb="2">
      <t>カグ</t>
    </rPh>
    <rPh sb="2" eb="3">
      <t>ナド</t>
    </rPh>
    <rPh sb="4" eb="6">
      <t>テントウ</t>
    </rPh>
    <rPh sb="7" eb="9">
      <t>ラッカ</t>
    </rPh>
    <rPh sb="10" eb="12">
      <t>ボウシ</t>
    </rPh>
    <rPh sb="12" eb="13">
      <t>サク</t>
    </rPh>
    <phoneticPr fontId="1"/>
  </si>
  <si>
    <t>階段、通路などの避難経路及び防火戸・防火区画の管理の徹底を図っており、夜間における職員数は入居者の人数に応じた適切なものとなるよう配置している。また、火災時の被害軽減に向け、地域コミュニティと連携して訓練を行うとともに、通報や応援体制においても積極的に地域と施設の連携を図っている。</t>
    <rPh sb="0" eb="2">
      <t>カイダン</t>
    </rPh>
    <rPh sb="3" eb="5">
      <t>ツウロ</t>
    </rPh>
    <rPh sb="8" eb="10">
      <t>ヒナン</t>
    </rPh>
    <rPh sb="10" eb="12">
      <t>ケイロ</t>
    </rPh>
    <rPh sb="12" eb="13">
      <t>オヨ</t>
    </rPh>
    <rPh sb="14" eb="17">
      <t>ボウカド</t>
    </rPh>
    <rPh sb="18" eb="22">
      <t>ボウカクカク</t>
    </rPh>
    <rPh sb="23" eb="25">
      <t>カンリ</t>
    </rPh>
    <rPh sb="26" eb="28">
      <t>テッテイ</t>
    </rPh>
    <rPh sb="29" eb="30">
      <t>ハカ</t>
    </rPh>
    <rPh sb="35" eb="37">
      <t>ヤカン</t>
    </rPh>
    <rPh sb="41" eb="44">
      <t>ショクインスウ</t>
    </rPh>
    <rPh sb="45" eb="48">
      <t>ニュウキョシャ</t>
    </rPh>
    <rPh sb="49" eb="51">
      <t>ニンズウ</t>
    </rPh>
    <rPh sb="52" eb="53">
      <t>オウ</t>
    </rPh>
    <rPh sb="55" eb="57">
      <t>テキセツ</t>
    </rPh>
    <rPh sb="65" eb="67">
      <t>ハイチ</t>
    </rPh>
    <rPh sb="75" eb="77">
      <t>カサイ</t>
    </rPh>
    <rPh sb="77" eb="78">
      <t>ジ</t>
    </rPh>
    <rPh sb="79" eb="81">
      <t>ヒガイ</t>
    </rPh>
    <rPh sb="81" eb="83">
      <t>ケイゲン</t>
    </rPh>
    <rPh sb="84" eb="85">
      <t>ム</t>
    </rPh>
    <rPh sb="87" eb="89">
      <t>チイキ</t>
    </rPh>
    <rPh sb="96" eb="98">
      <t>レンケイ</t>
    </rPh>
    <rPh sb="100" eb="102">
      <t>クンレン</t>
    </rPh>
    <rPh sb="103" eb="104">
      <t>オコナ</t>
    </rPh>
    <rPh sb="110" eb="112">
      <t>ツウホウ</t>
    </rPh>
    <rPh sb="113" eb="115">
      <t>オウエン</t>
    </rPh>
    <rPh sb="115" eb="117">
      <t>タイセイ</t>
    </rPh>
    <rPh sb="122" eb="125">
      <t>セッキョクテキ</t>
    </rPh>
    <rPh sb="126" eb="128">
      <t>チイキ</t>
    </rPh>
    <rPh sb="129" eb="131">
      <t>シセツ</t>
    </rPh>
    <rPh sb="132" eb="134">
      <t>レンケイ</t>
    </rPh>
    <rPh sb="135" eb="136">
      <t>ハカ</t>
    </rPh>
    <phoneticPr fontId="1"/>
  </si>
  <si>
    <t>家具や布団、シーツ等、防炎性能が確保されているものを用いるよう努めている。また、おむつなどの可燃物をできるだけ少なくし、置く場合は防炎性のカバーをかけるといった配慮に努めている。</t>
    <rPh sb="0" eb="2">
      <t>カグ</t>
    </rPh>
    <rPh sb="3" eb="5">
      <t>フトン</t>
    </rPh>
    <rPh sb="9" eb="10">
      <t>ナド</t>
    </rPh>
    <rPh sb="11" eb="13">
      <t>ボウエン</t>
    </rPh>
    <rPh sb="13" eb="15">
      <t>セイノウ</t>
    </rPh>
    <rPh sb="16" eb="18">
      <t>カクホ</t>
    </rPh>
    <rPh sb="26" eb="27">
      <t>モチ</t>
    </rPh>
    <rPh sb="31" eb="32">
      <t>ツト</t>
    </rPh>
    <rPh sb="46" eb="49">
      <t>カネンブツ</t>
    </rPh>
    <rPh sb="55" eb="56">
      <t>スク</t>
    </rPh>
    <rPh sb="60" eb="61">
      <t>オ</t>
    </rPh>
    <rPh sb="62" eb="64">
      <t>バアイ</t>
    </rPh>
    <rPh sb="65" eb="68">
      <t>ボウエンセイ</t>
    </rPh>
    <rPh sb="80" eb="82">
      <t>ハイリョ</t>
    </rPh>
    <rPh sb="83" eb="84">
      <t>ツト</t>
    </rPh>
    <phoneticPr fontId="1"/>
  </si>
  <si>
    <t>消防法上の消防計画等を作成する際は、所轄の消防署の指導に従い、適切な従業員教育の内容を教育時期と共に記載している。また、所轄の消防署と連携を図りながら、施設の実情を踏まえ、夜間想定の避難訓練等の必要な訓練を行うとともに、訓練の実施結果について記録している。</t>
    <rPh sb="0" eb="3">
      <t>ショウボウホウ</t>
    </rPh>
    <rPh sb="3" eb="4">
      <t>ウエ</t>
    </rPh>
    <rPh sb="5" eb="9">
      <t>ショウボウケイカク</t>
    </rPh>
    <rPh sb="9" eb="10">
      <t>ナド</t>
    </rPh>
    <rPh sb="11" eb="13">
      <t>サクセイ</t>
    </rPh>
    <rPh sb="15" eb="16">
      <t>サイ</t>
    </rPh>
    <rPh sb="18" eb="20">
      <t>ショカツ</t>
    </rPh>
    <rPh sb="21" eb="24">
      <t>ショウボウショ</t>
    </rPh>
    <rPh sb="25" eb="27">
      <t>シドウ</t>
    </rPh>
    <rPh sb="28" eb="29">
      <t>シタガ</t>
    </rPh>
    <rPh sb="31" eb="33">
      <t>テキセツ</t>
    </rPh>
    <rPh sb="34" eb="37">
      <t>ジュウギョウイン</t>
    </rPh>
    <rPh sb="37" eb="39">
      <t>キョウイク</t>
    </rPh>
    <rPh sb="40" eb="42">
      <t>ナイヨウ</t>
    </rPh>
    <rPh sb="43" eb="45">
      <t>キョウイク</t>
    </rPh>
    <rPh sb="45" eb="47">
      <t>ジキ</t>
    </rPh>
    <rPh sb="48" eb="49">
      <t>トモ</t>
    </rPh>
    <rPh sb="50" eb="52">
      <t>キサイ</t>
    </rPh>
    <rPh sb="60" eb="62">
      <t>ショカツ</t>
    </rPh>
    <rPh sb="63" eb="66">
      <t>ショウボウショ</t>
    </rPh>
    <rPh sb="67" eb="69">
      <t>レンケイ</t>
    </rPh>
    <rPh sb="70" eb="71">
      <t>ハカ</t>
    </rPh>
    <rPh sb="76" eb="78">
      <t>シセツ</t>
    </rPh>
    <rPh sb="79" eb="81">
      <t>ジツジョウ</t>
    </rPh>
    <rPh sb="82" eb="83">
      <t>フ</t>
    </rPh>
    <rPh sb="86" eb="88">
      <t>ヤカン</t>
    </rPh>
    <rPh sb="88" eb="90">
      <t>ソウテイ</t>
    </rPh>
    <rPh sb="91" eb="93">
      <t>ヒナン</t>
    </rPh>
    <rPh sb="93" eb="95">
      <t>クンレン</t>
    </rPh>
    <rPh sb="95" eb="96">
      <t>ナド</t>
    </rPh>
    <rPh sb="97" eb="99">
      <t>ヒツヨウ</t>
    </rPh>
    <rPh sb="100" eb="102">
      <t>クンレン</t>
    </rPh>
    <rPh sb="103" eb="104">
      <t>オコナ</t>
    </rPh>
    <rPh sb="110" eb="112">
      <t>クンレン</t>
    </rPh>
    <rPh sb="113" eb="115">
      <t>ジッシ</t>
    </rPh>
    <rPh sb="115" eb="117">
      <t>ケッカ</t>
    </rPh>
    <rPh sb="121" eb="123">
      <t>キロク</t>
    </rPh>
    <phoneticPr fontId="1"/>
  </si>
  <si>
    <t>①</t>
    <phoneticPr fontId="1"/>
  </si>
  <si>
    <t>収容人員10人以上となる場合、防火管理者を選任している。</t>
    <rPh sb="0" eb="2">
      <t>シュウヨウ</t>
    </rPh>
    <rPh sb="2" eb="4">
      <t>ジンイン</t>
    </rPh>
    <rPh sb="6" eb="9">
      <t>ニンイジョウ</t>
    </rPh>
    <rPh sb="12" eb="14">
      <t>バアイ</t>
    </rPh>
    <rPh sb="15" eb="17">
      <t>ボウカ</t>
    </rPh>
    <rPh sb="17" eb="20">
      <t>カンリシャ</t>
    </rPh>
    <rPh sb="21" eb="23">
      <t>センニン</t>
    </rPh>
    <phoneticPr fontId="1"/>
  </si>
  <si>
    <t>自動火災報知設備、火災通報装置（消防機関へ通報する火災報知設備）、消火器、スプリンクラー設備を設置している。</t>
    <rPh sb="0" eb="8">
      <t>ジドウカサイホウチセツビ</t>
    </rPh>
    <rPh sb="9" eb="11">
      <t>カサイ</t>
    </rPh>
    <rPh sb="11" eb="13">
      <t>ツウホウ</t>
    </rPh>
    <rPh sb="13" eb="15">
      <t>ソウチ</t>
    </rPh>
    <rPh sb="16" eb="18">
      <t>ショウボウ</t>
    </rPh>
    <rPh sb="18" eb="20">
      <t>キカン</t>
    </rPh>
    <rPh sb="21" eb="23">
      <t>ツウホウ</t>
    </rPh>
    <rPh sb="25" eb="27">
      <t>カサイ</t>
    </rPh>
    <rPh sb="27" eb="29">
      <t>ホウチ</t>
    </rPh>
    <rPh sb="29" eb="31">
      <t>セツビ</t>
    </rPh>
    <rPh sb="33" eb="36">
      <t>ショウカキ</t>
    </rPh>
    <rPh sb="44" eb="46">
      <t>セツビ</t>
    </rPh>
    <rPh sb="47" eb="49">
      <t>セッチ</t>
    </rPh>
    <phoneticPr fontId="1"/>
  </si>
  <si>
    <t>管理者について、次のいずれかの要件を満たしている。
・社会福祉士、介護福祉士、保健師、看護師等の資格を有する者
・初任者研修等、県が認めた研修を修了した者
・特別養護老人ホーム等において、２年以上介護サービスに従事した経験を有する者</t>
    <rPh sb="0" eb="3">
      <t>カンリシャ</t>
    </rPh>
    <rPh sb="8" eb="9">
      <t>ツギ</t>
    </rPh>
    <rPh sb="15" eb="17">
      <t>ヨウケン</t>
    </rPh>
    <rPh sb="18" eb="19">
      <t>ミ</t>
    </rPh>
    <rPh sb="27" eb="29">
      <t>シャカイ</t>
    </rPh>
    <rPh sb="29" eb="31">
      <t>フクシ</t>
    </rPh>
    <rPh sb="31" eb="32">
      <t>シ</t>
    </rPh>
    <rPh sb="33" eb="38">
      <t>カイゴフクシシ</t>
    </rPh>
    <rPh sb="39" eb="42">
      <t>ホケンシ</t>
    </rPh>
    <rPh sb="43" eb="46">
      <t>カンゴシ</t>
    </rPh>
    <rPh sb="46" eb="47">
      <t>ナド</t>
    </rPh>
    <rPh sb="48" eb="50">
      <t>シカク</t>
    </rPh>
    <rPh sb="51" eb="52">
      <t>ユウ</t>
    </rPh>
    <rPh sb="54" eb="55">
      <t>モノ</t>
    </rPh>
    <rPh sb="57" eb="62">
      <t>ショニンシャケンシュウ</t>
    </rPh>
    <rPh sb="62" eb="63">
      <t>ナド</t>
    </rPh>
    <rPh sb="64" eb="65">
      <t>ケン</t>
    </rPh>
    <rPh sb="66" eb="67">
      <t>ミト</t>
    </rPh>
    <rPh sb="69" eb="71">
      <t>ケンシュウ</t>
    </rPh>
    <rPh sb="72" eb="74">
      <t>シュウリョウ</t>
    </rPh>
    <rPh sb="76" eb="77">
      <t>モノ</t>
    </rPh>
    <rPh sb="79" eb="85">
      <t>トクベツヨウゴロウジン</t>
    </rPh>
    <rPh sb="88" eb="89">
      <t>ナド</t>
    </rPh>
    <rPh sb="95" eb="100">
      <t>ネンイジョウカイゴ</t>
    </rPh>
    <rPh sb="105" eb="107">
      <t>ジュウジ</t>
    </rPh>
    <rPh sb="109" eb="111">
      <t>ケイケン</t>
    </rPh>
    <rPh sb="112" eb="113">
      <t>ユウ</t>
    </rPh>
    <rPh sb="115" eb="116">
      <t>モノ</t>
    </rPh>
    <phoneticPr fontId="1"/>
  </si>
  <si>
    <t>【有料老人ホーム】</t>
    <rPh sb="1" eb="3">
      <t>ユウリョウ</t>
    </rPh>
    <rPh sb="3" eb="5">
      <t>ロウジン</t>
    </rPh>
    <phoneticPr fontId="5"/>
  </si>
  <si>
    <t>看護職員・介護職員について、
・介護付有料老人ホームの場合、特定施設入居者生活介護の基準に規定される人員を配置している。
・住宅型有料老人ホームの場合、入居者の数や要介護度に応じた適切なサービスを安定的に提供できるような職員の配置としている。
・また、夜間においても緊急時等に対応できる職員体制及び勤務ローテーションを確保している。</t>
    <rPh sb="0" eb="4">
      <t>カンゴショクイン</t>
    </rPh>
    <rPh sb="5" eb="9">
      <t>カイゴショクイン</t>
    </rPh>
    <rPh sb="16" eb="19">
      <t>カイゴツキ</t>
    </rPh>
    <rPh sb="19" eb="23">
      <t>ユウリョウロウジン</t>
    </rPh>
    <rPh sb="27" eb="29">
      <t>バアイ</t>
    </rPh>
    <rPh sb="30" eb="34">
      <t>トクテイシセツ</t>
    </rPh>
    <rPh sb="34" eb="41">
      <t>ニュウキョシャセイカツカイゴ</t>
    </rPh>
    <rPh sb="42" eb="44">
      <t>キジュン</t>
    </rPh>
    <rPh sb="45" eb="47">
      <t>キテイ</t>
    </rPh>
    <rPh sb="50" eb="52">
      <t>ジンイン</t>
    </rPh>
    <rPh sb="53" eb="55">
      <t>ハイチ</t>
    </rPh>
    <rPh sb="62" eb="69">
      <t>ジュウタクガタユウリョウロウジン</t>
    </rPh>
    <rPh sb="73" eb="75">
      <t>バアイ</t>
    </rPh>
    <rPh sb="76" eb="79">
      <t>ニュウキョシャ</t>
    </rPh>
    <rPh sb="80" eb="81">
      <t>カズ</t>
    </rPh>
    <rPh sb="82" eb="85">
      <t>ヨウカイゴ</t>
    </rPh>
    <rPh sb="85" eb="86">
      <t>ド</t>
    </rPh>
    <rPh sb="87" eb="88">
      <t>オウ</t>
    </rPh>
    <rPh sb="90" eb="92">
      <t>テキセツ</t>
    </rPh>
    <rPh sb="98" eb="101">
      <t>アンテイテキ</t>
    </rPh>
    <rPh sb="102" eb="104">
      <t>テイキョウ</t>
    </rPh>
    <rPh sb="110" eb="112">
      <t>ショクイン</t>
    </rPh>
    <rPh sb="113" eb="115">
      <t>ハイチ</t>
    </rPh>
    <rPh sb="126" eb="128">
      <t>ヤカン</t>
    </rPh>
    <rPh sb="133" eb="136">
      <t>キンキュウジ</t>
    </rPh>
    <rPh sb="136" eb="137">
      <t>ナド</t>
    </rPh>
    <rPh sb="138" eb="140">
      <t>タイオウ</t>
    </rPh>
    <rPh sb="143" eb="145">
      <t>ショクイン</t>
    </rPh>
    <rPh sb="145" eb="147">
      <t>タイセイ</t>
    </rPh>
    <rPh sb="147" eb="148">
      <t>オヨ</t>
    </rPh>
    <rPh sb="149" eb="151">
      <t>キンム</t>
    </rPh>
    <rPh sb="159" eb="161">
      <t>カクホ</t>
    </rPh>
    <phoneticPr fontId="1"/>
  </si>
  <si>
    <t>住宅型有料老人ホームに併設している介護保険事業所と住宅型有料老人ホームを職員が兼務している場合、次の点について注意している。
・兼務職員は、一日の勤務時間を介護保険の事業所の職員として働く時間と、有料老人ホームの職員として働く時間とで明確に分けること。
・有料老人ホームに夜間対応職員を配置し、介護保険サービス等他の職種を兼務する場合、有料老人ホームとしての夜間対応職員が不在になる時間帯がないようにシフトを組むこと。</t>
    <rPh sb="0" eb="7">
      <t>ジュウタクガタユウリョウロウジン</t>
    </rPh>
    <rPh sb="11" eb="13">
      <t>ヘイセツ</t>
    </rPh>
    <rPh sb="17" eb="19">
      <t>カイゴ</t>
    </rPh>
    <rPh sb="19" eb="21">
      <t>ホケン</t>
    </rPh>
    <rPh sb="21" eb="24">
      <t>ジギョウショ</t>
    </rPh>
    <rPh sb="25" eb="32">
      <t>ジュウタクガタユウリョウロウジン</t>
    </rPh>
    <rPh sb="36" eb="38">
      <t>ショクイン</t>
    </rPh>
    <rPh sb="39" eb="41">
      <t>ケンム</t>
    </rPh>
    <rPh sb="45" eb="47">
      <t>バアイ</t>
    </rPh>
    <rPh sb="48" eb="49">
      <t>ツギ</t>
    </rPh>
    <rPh sb="50" eb="51">
      <t>テン</t>
    </rPh>
    <rPh sb="55" eb="57">
      <t>チュウイ</t>
    </rPh>
    <rPh sb="64" eb="66">
      <t>ケンム</t>
    </rPh>
    <rPh sb="66" eb="68">
      <t>ショクイン</t>
    </rPh>
    <rPh sb="70" eb="72">
      <t>イチニチ</t>
    </rPh>
    <rPh sb="73" eb="75">
      <t>キンム</t>
    </rPh>
    <rPh sb="75" eb="77">
      <t>ジカン</t>
    </rPh>
    <rPh sb="78" eb="80">
      <t>カイゴ</t>
    </rPh>
    <rPh sb="80" eb="82">
      <t>ホケン</t>
    </rPh>
    <rPh sb="83" eb="86">
      <t>ジギョウショ</t>
    </rPh>
    <rPh sb="87" eb="89">
      <t>ショクイン</t>
    </rPh>
    <rPh sb="92" eb="93">
      <t>ハタラ</t>
    </rPh>
    <rPh sb="94" eb="96">
      <t>ジカン</t>
    </rPh>
    <rPh sb="98" eb="102">
      <t>ユウリョウロウジン</t>
    </rPh>
    <rPh sb="106" eb="108">
      <t>ショクイン</t>
    </rPh>
    <rPh sb="111" eb="112">
      <t>ハタラ</t>
    </rPh>
    <rPh sb="113" eb="115">
      <t>ジカン</t>
    </rPh>
    <rPh sb="117" eb="119">
      <t>メイカク</t>
    </rPh>
    <rPh sb="120" eb="121">
      <t>ワ</t>
    </rPh>
    <rPh sb="128" eb="132">
      <t>ユウリョウロウジン</t>
    </rPh>
    <rPh sb="136" eb="142">
      <t>ヤカンタイオウショクイン</t>
    </rPh>
    <rPh sb="143" eb="145">
      <t>ハイチ</t>
    </rPh>
    <rPh sb="147" eb="151">
      <t>カイゴホケン</t>
    </rPh>
    <rPh sb="155" eb="156">
      <t>ナド</t>
    </rPh>
    <rPh sb="156" eb="157">
      <t>ホカ</t>
    </rPh>
    <rPh sb="158" eb="160">
      <t>ショクシュ</t>
    </rPh>
    <rPh sb="161" eb="163">
      <t>ケンム</t>
    </rPh>
    <rPh sb="165" eb="167">
      <t>バアイ</t>
    </rPh>
    <rPh sb="168" eb="172">
      <t>ユウリョウロウジン</t>
    </rPh>
    <rPh sb="179" eb="181">
      <t>ヤカン</t>
    </rPh>
    <rPh sb="181" eb="183">
      <t>タイオウ</t>
    </rPh>
    <rPh sb="183" eb="185">
      <t>ショクイン</t>
    </rPh>
    <rPh sb="186" eb="188">
      <t>フザイ</t>
    </rPh>
    <rPh sb="191" eb="194">
      <t>ジカンタイ</t>
    </rPh>
    <rPh sb="204" eb="205">
      <t>ク</t>
    </rPh>
    <phoneticPr fontId="1"/>
  </si>
  <si>
    <t>職員に対し、「高齢者の心身の特性」、「実施するサービスのあり方及び内容」、「認知症介護」、「虐待防止」、「身体的拘束のない介護」、「介護事故の防止及び感染症対策等の介護に関する知識及び技術並びに作業手順」等について、体系的かつ継続的に研修を行っている。</t>
    <rPh sb="0" eb="2">
      <t>ショクイン</t>
    </rPh>
    <rPh sb="3" eb="4">
      <t>タイ</t>
    </rPh>
    <rPh sb="7" eb="10">
      <t>コウレイシャ</t>
    </rPh>
    <rPh sb="11" eb="13">
      <t>シンシン</t>
    </rPh>
    <rPh sb="14" eb="16">
      <t>トクセイ</t>
    </rPh>
    <rPh sb="19" eb="21">
      <t>ジッシ</t>
    </rPh>
    <rPh sb="30" eb="31">
      <t>カタ</t>
    </rPh>
    <rPh sb="31" eb="32">
      <t>オヨ</t>
    </rPh>
    <rPh sb="33" eb="35">
      <t>ナイヨウ</t>
    </rPh>
    <rPh sb="38" eb="41">
      <t>ニンチショウ</t>
    </rPh>
    <rPh sb="41" eb="43">
      <t>カイゴ</t>
    </rPh>
    <rPh sb="46" eb="48">
      <t>ギャクタイ</t>
    </rPh>
    <rPh sb="48" eb="50">
      <t>ボウシ</t>
    </rPh>
    <rPh sb="53" eb="56">
      <t>シンタイテキ</t>
    </rPh>
    <rPh sb="56" eb="58">
      <t>コウソク</t>
    </rPh>
    <rPh sb="61" eb="63">
      <t>カイゴ</t>
    </rPh>
    <rPh sb="66" eb="68">
      <t>カイゴ</t>
    </rPh>
    <rPh sb="68" eb="70">
      <t>ジコ</t>
    </rPh>
    <rPh sb="71" eb="73">
      <t>ボウシ</t>
    </rPh>
    <rPh sb="73" eb="74">
      <t>オヨ</t>
    </rPh>
    <rPh sb="75" eb="78">
      <t>カンセンショウ</t>
    </rPh>
    <rPh sb="78" eb="80">
      <t>タイサク</t>
    </rPh>
    <rPh sb="80" eb="81">
      <t>ナド</t>
    </rPh>
    <rPh sb="82" eb="84">
      <t>カイゴ</t>
    </rPh>
    <rPh sb="85" eb="86">
      <t>カン</t>
    </rPh>
    <rPh sb="88" eb="90">
      <t>チシキ</t>
    </rPh>
    <rPh sb="90" eb="91">
      <t>オヨ</t>
    </rPh>
    <rPh sb="92" eb="94">
      <t>ギジュツ</t>
    </rPh>
    <rPh sb="94" eb="95">
      <t>ナラ</t>
    </rPh>
    <rPh sb="97" eb="99">
      <t>サギョウ</t>
    </rPh>
    <rPh sb="99" eb="101">
      <t>テジュン</t>
    </rPh>
    <rPh sb="102" eb="103">
      <t>ナド</t>
    </rPh>
    <rPh sb="108" eb="111">
      <t>タイケイテキ</t>
    </rPh>
    <rPh sb="113" eb="116">
      <t>ケイゾクテキ</t>
    </rPh>
    <rPh sb="117" eb="119">
      <t>ケンシュウ</t>
    </rPh>
    <rPh sb="120" eb="121">
      <t>オコナ</t>
    </rPh>
    <phoneticPr fontId="1"/>
  </si>
  <si>
    <t>職場におけるハラスメントの内容及び職場におけるハラスメントを行ってはならない旨の方針を定め、職員に周知・啓発している。</t>
    <rPh sb="0" eb="2">
      <t>ショクバ</t>
    </rPh>
    <rPh sb="13" eb="15">
      <t>ナイヨウ</t>
    </rPh>
    <rPh sb="15" eb="16">
      <t>オヨ</t>
    </rPh>
    <rPh sb="17" eb="19">
      <t>ショクバ</t>
    </rPh>
    <rPh sb="30" eb="31">
      <t>オコナ</t>
    </rPh>
    <rPh sb="38" eb="39">
      <t>ムネ</t>
    </rPh>
    <rPh sb="40" eb="42">
      <t>ホウシン</t>
    </rPh>
    <rPh sb="43" eb="44">
      <t>サダ</t>
    </rPh>
    <rPh sb="46" eb="48">
      <t>ショクイン</t>
    </rPh>
    <rPh sb="49" eb="51">
      <t>シュウチ</t>
    </rPh>
    <rPh sb="52" eb="54">
      <t>ケイハツ</t>
    </rPh>
    <phoneticPr fontId="1"/>
  </si>
  <si>
    <t>職員又は職員であった者が、正当な理由なく、業務上知り得た入居者又はその家族の秘密を漏らすことがないよう、必要な措置を講じている。</t>
    <rPh sb="0" eb="2">
      <t>ショクイン</t>
    </rPh>
    <rPh sb="2" eb="3">
      <t>マタ</t>
    </rPh>
    <rPh sb="4" eb="6">
      <t>ショクイン</t>
    </rPh>
    <rPh sb="10" eb="11">
      <t>モノ</t>
    </rPh>
    <rPh sb="13" eb="15">
      <t>セイトウ</t>
    </rPh>
    <rPh sb="16" eb="18">
      <t>リユウ</t>
    </rPh>
    <rPh sb="21" eb="24">
      <t>ギョウムジョウ</t>
    </rPh>
    <rPh sb="24" eb="25">
      <t>シ</t>
    </rPh>
    <rPh sb="26" eb="27">
      <t>エ</t>
    </rPh>
    <rPh sb="28" eb="31">
      <t>ニュウキョシャ</t>
    </rPh>
    <rPh sb="31" eb="32">
      <t>マタ</t>
    </rPh>
    <rPh sb="35" eb="37">
      <t>カゾク</t>
    </rPh>
    <rPh sb="38" eb="40">
      <t>ヒミツ</t>
    </rPh>
    <rPh sb="41" eb="42">
      <t>モ</t>
    </rPh>
    <rPh sb="52" eb="54">
      <t>ヒツヨウ</t>
    </rPh>
    <rPh sb="55" eb="57">
      <t>ソチ</t>
    </rPh>
    <rPh sb="58" eb="59">
      <t>コウ</t>
    </rPh>
    <phoneticPr fontId="1"/>
  </si>
  <si>
    <t>募集広告等の内容及び表示は、「不当景品類及び不当表示防止法」の規定に基づく告示を遵守するとともに、公益社団法人全国有料老人ホーム協会が作成した「有料老人ホームの広告等に関する表示ガイドライン」に沿ったものとなっている。</t>
    <rPh sb="0" eb="4">
      <t>ボシュウコウコク</t>
    </rPh>
    <rPh sb="4" eb="5">
      <t>ナド</t>
    </rPh>
    <rPh sb="6" eb="8">
      <t>ナイヨウ</t>
    </rPh>
    <rPh sb="8" eb="9">
      <t>オヨ</t>
    </rPh>
    <rPh sb="10" eb="12">
      <t>ヒョウジ</t>
    </rPh>
    <rPh sb="15" eb="20">
      <t>フトウケイヒンルイ</t>
    </rPh>
    <rPh sb="20" eb="21">
      <t>オヨ</t>
    </rPh>
    <rPh sb="22" eb="24">
      <t>フトウ</t>
    </rPh>
    <rPh sb="24" eb="26">
      <t>ヒョウジ</t>
    </rPh>
    <rPh sb="26" eb="29">
      <t>ボウシホウ</t>
    </rPh>
    <rPh sb="31" eb="33">
      <t>キテイ</t>
    </rPh>
    <rPh sb="34" eb="35">
      <t>モト</t>
    </rPh>
    <rPh sb="37" eb="39">
      <t>コクジ</t>
    </rPh>
    <rPh sb="40" eb="42">
      <t>ジュンシュ</t>
    </rPh>
    <rPh sb="49" eb="55">
      <t>コウエキシャダンホウジン</t>
    </rPh>
    <rPh sb="55" eb="61">
      <t>ゼンコクユウリョウロウジン</t>
    </rPh>
    <rPh sb="64" eb="66">
      <t>キョウカイ</t>
    </rPh>
    <rPh sb="67" eb="69">
      <t>サクセイ</t>
    </rPh>
    <rPh sb="72" eb="76">
      <t>ユウリョウロウジン</t>
    </rPh>
    <rPh sb="80" eb="82">
      <t>コウコク</t>
    </rPh>
    <rPh sb="82" eb="83">
      <t>ナド</t>
    </rPh>
    <rPh sb="84" eb="85">
      <t>カン</t>
    </rPh>
    <rPh sb="87" eb="89">
      <t>ヒョウジ</t>
    </rPh>
    <rPh sb="97" eb="98">
      <t>ソ</t>
    </rPh>
    <phoneticPr fontId="5"/>
  </si>
  <si>
    <t>料金の表示は、県に届け出ている設定料金となっている。</t>
    <rPh sb="0" eb="2">
      <t>リョウキン</t>
    </rPh>
    <rPh sb="3" eb="5">
      <t>ヒョウジ</t>
    </rPh>
    <rPh sb="7" eb="8">
      <t>ケン</t>
    </rPh>
    <rPh sb="9" eb="10">
      <t>トド</t>
    </rPh>
    <rPh sb="11" eb="12">
      <t>デ</t>
    </rPh>
    <rPh sb="15" eb="17">
      <t>セッテイ</t>
    </rPh>
    <rPh sb="17" eb="19">
      <t>リョウキン</t>
    </rPh>
    <phoneticPr fontId="1"/>
  </si>
  <si>
    <t>重要事項説明書やこれに付帯して署名を求めた書面を交付している。</t>
    <rPh sb="0" eb="7">
      <t>ジュウヨウジコウセツメイショ</t>
    </rPh>
    <rPh sb="11" eb="13">
      <t>フタイ</t>
    </rPh>
    <rPh sb="15" eb="17">
      <t>ショメイ</t>
    </rPh>
    <rPh sb="18" eb="19">
      <t>モト</t>
    </rPh>
    <rPh sb="21" eb="23">
      <t>ショメン</t>
    </rPh>
    <rPh sb="24" eb="26">
      <t>コウフ</t>
    </rPh>
    <phoneticPr fontId="5"/>
  </si>
  <si>
    <t>重要事項説明書の交付の際に、介護サービス等一覧表を添付している。</t>
    <rPh sb="0" eb="7">
      <t>ジュウヨウジコウセツメイショ</t>
    </rPh>
    <rPh sb="8" eb="10">
      <t>コウフ</t>
    </rPh>
    <rPh sb="11" eb="12">
      <t>サイ</t>
    </rPh>
    <rPh sb="14" eb="16">
      <t>カイゴ</t>
    </rPh>
    <rPh sb="20" eb="21">
      <t>ナド</t>
    </rPh>
    <rPh sb="21" eb="23">
      <t>イチラン</t>
    </rPh>
    <rPh sb="23" eb="24">
      <t>ヒョウ</t>
    </rPh>
    <rPh sb="25" eb="27">
      <t>テンプ</t>
    </rPh>
    <phoneticPr fontId="1"/>
  </si>
  <si>
    <t>署名した重要事項説明書の写しを、施設内で保管している。</t>
    <rPh sb="0" eb="2">
      <t>ショメイ</t>
    </rPh>
    <rPh sb="4" eb="11">
      <t>ジュウヨウジコウセツメイショ</t>
    </rPh>
    <rPh sb="12" eb="13">
      <t>ウツ</t>
    </rPh>
    <rPh sb="16" eb="18">
      <t>シセツ</t>
    </rPh>
    <rPh sb="18" eb="19">
      <t>ナイ</t>
    </rPh>
    <rPh sb="20" eb="22">
      <t>ホカン</t>
    </rPh>
    <phoneticPr fontId="1"/>
  </si>
  <si>
    <t>重要事項説明書に、入居者の押印がされている。</t>
    <rPh sb="0" eb="7">
      <t>ジュウヨウジコウセツメイショ</t>
    </rPh>
    <rPh sb="9" eb="12">
      <t>ニュウキョシャ</t>
    </rPh>
    <rPh sb="13" eb="15">
      <t>オウイン</t>
    </rPh>
    <phoneticPr fontId="1"/>
  </si>
  <si>
    <t>有料老人ホームでの生活を実感してもらえるよう、１週間程度の体験入居の機会を設けている。</t>
    <rPh sb="0" eb="4">
      <t>ユウリョウロウジン</t>
    </rPh>
    <rPh sb="9" eb="11">
      <t>セイカツ</t>
    </rPh>
    <rPh sb="12" eb="14">
      <t>ジッカン</t>
    </rPh>
    <rPh sb="24" eb="26">
      <t>シュウカン</t>
    </rPh>
    <rPh sb="26" eb="28">
      <t>テイド</t>
    </rPh>
    <rPh sb="29" eb="31">
      <t>タイケン</t>
    </rPh>
    <rPh sb="31" eb="33">
      <t>ニュウキョ</t>
    </rPh>
    <rPh sb="34" eb="36">
      <t>キカイ</t>
    </rPh>
    <rPh sb="37" eb="38">
      <t>モウ</t>
    </rPh>
    <phoneticPr fontId="1"/>
  </si>
  <si>
    <t>利用に際しては契約内容を丁寧に説明するとともに、事前に入居者像（生活上の留意すべきところなど）をよく理解してサービス提供を行うとともに、事故防止を図っている。</t>
    <rPh sb="0" eb="2">
      <t>リヨウ</t>
    </rPh>
    <rPh sb="3" eb="4">
      <t>サイ</t>
    </rPh>
    <rPh sb="7" eb="9">
      <t>ケイヤク</t>
    </rPh>
    <rPh sb="9" eb="11">
      <t>ナイヨウ</t>
    </rPh>
    <rPh sb="12" eb="14">
      <t>テイネイ</t>
    </rPh>
    <rPh sb="15" eb="17">
      <t>セツメイ</t>
    </rPh>
    <rPh sb="24" eb="26">
      <t>ジゼン</t>
    </rPh>
    <rPh sb="27" eb="30">
      <t>ニュウキョシャ</t>
    </rPh>
    <rPh sb="30" eb="31">
      <t>ゾウ</t>
    </rPh>
    <rPh sb="32" eb="34">
      <t>セイカツ</t>
    </rPh>
    <rPh sb="34" eb="35">
      <t>ウエ</t>
    </rPh>
    <rPh sb="36" eb="38">
      <t>リュウイ</t>
    </rPh>
    <rPh sb="50" eb="52">
      <t>リカイ</t>
    </rPh>
    <rPh sb="58" eb="60">
      <t>テイキョウ</t>
    </rPh>
    <rPh sb="61" eb="62">
      <t>オコナ</t>
    </rPh>
    <rPh sb="68" eb="70">
      <t>ジコ</t>
    </rPh>
    <rPh sb="70" eb="72">
      <t>ボウシ</t>
    </rPh>
    <rPh sb="73" eb="74">
      <t>ハカ</t>
    </rPh>
    <phoneticPr fontId="1"/>
  </si>
  <si>
    <t>事業者側からの契約解除の手続きについて、入居契約書に規定している。</t>
    <rPh sb="0" eb="3">
      <t>ジギョウシャ</t>
    </rPh>
    <rPh sb="3" eb="4">
      <t>ガワ</t>
    </rPh>
    <rPh sb="7" eb="11">
      <t>ケイヤクカイジョ</t>
    </rPh>
    <rPh sb="12" eb="14">
      <t>テツヅ</t>
    </rPh>
    <rPh sb="20" eb="25">
      <t>ニュウキョケイヤクショ</t>
    </rPh>
    <rPh sb="26" eb="28">
      <t>キテイ</t>
    </rPh>
    <phoneticPr fontId="1"/>
  </si>
  <si>
    <t>契約解除の条件は、原則として次の事由のいずれかに該当し、かつそのことが契約をこれ以上将来にわたって維持することが社会通念上著しく困難と認められる場合に限定している。
１）入居申込書に虚偽の事項を記載する等の不正手段により入居したとき。
２）月額の利用料その他の支払いを正当な理由なく一定期間以上連続して遅滞するとき。
３）施設の利用において入居者に禁止又は制限をしている規定に違反し是正しないとき。
４）入居者の行動が他の入居者に危害を及ぼすおそれがあり、かつ入居者に対する通常の介護方法等ではこれを防止することができないとき。</t>
    <rPh sb="0" eb="2">
      <t>ケイヤク</t>
    </rPh>
    <rPh sb="2" eb="4">
      <t>カイジョ</t>
    </rPh>
    <rPh sb="5" eb="7">
      <t>ジョウケン</t>
    </rPh>
    <rPh sb="9" eb="11">
      <t>ゲンソク</t>
    </rPh>
    <rPh sb="14" eb="15">
      <t>ツギ</t>
    </rPh>
    <rPh sb="16" eb="18">
      <t>ジユウ</t>
    </rPh>
    <rPh sb="24" eb="26">
      <t>ガイトウ</t>
    </rPh>
    <rPh sb="35" eb="37">
      <t>ケイヤク</t>
    </rPh>
    <rPh sb="40" eb="42">
      <t>イジョウ</t>
    </rPh>
    <rPh sb="42" eb="44">
      <t>ショウライ</t>
    </rPh>
    <rPh sb="49" eb="51">
      <t>イジ</t>
    </rPh>
    <rPh sb="56" eb="58">
      <t>シャカイ</t>
    </rPh>
    <rPh sb="58" eb="61">
      <t>ツウネンジョウ</t>
    </rPh>
    <rPh sb="61" eb="62">
      <t>イチジル</t>
    </rPh>
    <rPh sb="64" eb="66">
      <t>コンナン</t>
    </rPh>
    <rPh sb="67" eb="68">
      <t>ミト</t>
    </rPh>
    <rPh sb="72" eb="74">
      <t>バアイ</t>
    </rPh>
    <rPh sb="75" eb="77">
      <t>ゲンテイ</t>
    </rPh>
    <rPh sb="85" eb="90">
      <t>ニュウキョモウシコミショ</t>
    </rPh>
    <rPh sb="91" eb="93">
      <t>キョギ</t>
    </rPh>
    <rPh sb="94" eb="96">
      <t>ジコウ</t>
    </rPh>
    <rPh sb="97" eb="99">
      <t>キサイ</t>
    </rPh>
    <rPh sb="101" eb="102">
      <t>ナド</t>
    </rPh>
    <rPh sb="103" eb="107">
      <t>フセイシュダン</t>
    </rPh>
    <rPh sb="110" eb="112">
      <t>ニュウキョ</t>
    </rPh>
    <rPh sb="120" eb="122">
      <t>ゲツガク</t>
    </rPh>
    <rPh sb="123" eb="126">
      <t>リヨウリョウ</t>
    </rPh>
    <rPh sb="128" eb="129">
      <t>ホカ</t>
    </rPh>
    <rPh sb="130" eb="132">
      <t>シハラ</t>
    </rPh>
    <rPh sb="134" eb="136">
      <t>セイトウ</t>
    </rPh>
    <rPh sb="137" eb="139">
      <t>リユウ</t>
    </rPh>
    <rPh sb="141" eb="147">
      <t>イッテイキカンイジョウ</t>
    </rPh>
    <rPh sb="147" eb="149">
      <t>レンゾク</t>
    </rPh>
    <rPh sb="151" eb="153">
      <t>チタイ</t>
    </rPh>
    <rPh sb="161" eb="163">
      <t>シセツ</t>
    </rPh>
    <rPh sb="164" eb="166">
      <t>リヨウ</t>
    </rPh>
    <rPh sb="170" eb="173">
      <t>ニュウキョシャ</t>
    </rPh>
    <rPh sb="174" eb="176">
      <t>キンシ</t>
    </rPh>
    <rPh sb="176" eb="177">
      <t>マタ</t>
    </rPh>
    <rPh sb="178" eb="180">
      <t>セイゲン</t>
    </rPh>
    <rPh sb="185" eb="187">
      <t>キテイ</t>
    </rPh>
    <rPh sb="188" eb="190">
      <t>イハン</t>
    </rPh>
    <rPh sb="191" eb="193">
      <t>ゼセイ</t>
    </rPh>
    <rPh sb="202" eb="205">
      <t>ニュウキョシャ</t>
    </rPh>
    <rPh sb="206" eb="208">
      <t>コウドウ</t>
    </rPh>
    <rPh sb="209" eb="210">
      <t>ホカ</t>
    </rPh>
    <rPh sb="211" eb="214">
      <t>ニュウキョシャ</t>
    </rPh>
    <rPh sb="215" eb="217">
      <t>キガイ</t>
    </rPh>
    <rPh sb="218" eb="219">
      <t>オヨ</t>
    </rPh>
    <rPh sb="230" eb="232">
      <t>ニュウキョ</t>
    </rPh>
    <rPh sb="232" eb="233">
      <t>シャ</t>
    </rPh>
    <rPh sb="234" eb="235">
      <t>タイ</t>
    </rPh>
    <rPh sb="237" eb="239">
      <t>ツウジョウ</t>
    </rPh>
    <rPh sb="240" eb="242">
      <t>カイゴ</t>
    </rPh>
    <rPh sb="242" eb="244">
      <t>ホウホウ</t>
    </rPh>
    <rPh sb="244" eb="245">
      <t>ナド</t>
    </rPh>
    <rPh sb="250" eb="252">
      <t>ボウシ</t>
    </rPh>
    <phoneticPr fontId="1"/>
  </si>
  <si>
    <t>契約会場の手続きは、原則として次のとおりとしている。
１）契約解除の通告に90日程度の十分な予告期間をおくこと。
２）契約解除の通告に先立ち、入居者及び身元引受人等に弁明の機会を設けること。
３）契約解除通告の予告期間中に、入居者の移転先の有無について確認し、移転先がない場合には、入居者や身元引受人等と協議し、移転先の確保に協力すること。
４）上記契約解除の条件４の事由により契約を解除する場合には、加えて主治医等の意見を聴くとともに、一定の観察期間を設けること。</t>
    <rPh sb="0" eb="2">
      <t>ケイヤク</t>
    </rPh>
    <rPh sb="2" eb="4">
      <t>カイジョウ</t>
    </rPh>
    <rPh sb="5" eb="7">
      <t>テツヅ</t>
    </rPh>
    <rPh sb="10" eb="12">
      <t>ゲンソク</t>
    </rPh>
    <rPh sb="15" eb="16">
      <t>ツギ</t>
    </rPh>
    <rPh sb="29" eb="31">
      <t>ケイヤク</t>
    </rPh>
    <rPh sb="31" eb="33">
      <t>カイジョ</t>
    </rPh>
    <rPh sb="34" eb="36">
      <t>ツウコク</t>
    </rPh>
    <rPh sb="39" eb="40">
      <t>ニチ</t>
    </rPh>
    <rPh sb="40" eb="42">
      <t>テイド</t>
    </rPh>
    <rPh sb="43" eb="45">
      <t>ジュウブン</t>
    </rPh>
    <rPh sb="46" eb="48">
      <t>ヨコク</t>
    </rPh>
    <rPh sb="48" eb="50">
      <t>キカン</t>
    </rPh>
    <rPh sb="59" eb="61">
      <t>ケイヤク</t>
    </rPh>
    <rPh sb="61" eb="63">
      <t>カイジョ</t>
    </rPh>
    <rPh sb="64" eb="66">
      <t>ツウコク</t>
    </rPh>
    <rPh sb="67" eb="69">
      <t>サキダ</t>
    </rPh>
    <rPh sb="71" eb="74">
      <t>ニュウキョシャ</t>
    </rPh>
    <rPh sb="74" eb="75">
      <t>オヨ</t>
    </rPh>
    <rPh sb="76" eb="78">
      <t>ミモト</t>
    </rPh>
    <rPh sb="78" eb="80">
      <t>ヒキウケ</t>
    </rPh>
    <rPh sb="80" eb="81">
      <t>ニン</t>
    </rPh>
    <rPh sb="81" eb="82">
      <t>ナド</t>
    </rPh>
    <rPh sb="83" eb="85">
      <t>ベンメイ</t>
    </rPh>
    <rPh sb="86" eb="88">
      <t>キカイ</t>
    </rPh>
    <rPh sb="89" eb="90">
      <t>モウ</t>
    </rPh>
    <rPh sb="98" eb="100">
      <t>ケイヤク</t>
    </rPh>
    <rPh sb="100" eb="102">
      <t>カイジョ</t>
    </rPh>
    <rPh sb="102" eb="104">
      <t>ツウコク</t>
    </rPh>
    <rPh sb="105" eb="107">
      <t>ヨコク</t>
    </rPh>
    <rPh sb="107" eb="110">
      <t>キカンチュウ</t>
    </rPh>
    <rPh sb="112" eb="115">
      <t>ニュウキョシャ</t>
    </rPh>
    <rPh sb="116" eb="118">
      <t>イテン</t>
    </rPh>
    <rPh sb="118" eb="119">
      <t>サキ</t>
    </rPh>
    <rPh sb="120" eb="122">
      <t>ウム</t>
    </rPh>
    <rPh sb="126" eb="128">
      <t>カクニン</t>
    </rPh>
    <rPh sb="130" eb="132">
      <t>イテン</t>
    </rPh>
    <rPh sb="132" eb="133">
      <t>サキ</t>
    </rPh>
    <rPh sb="136" eb="138">
      <t>バアイ</t>
    </rPh>
    <rPh sb="141" eb="144">
      <t>ニュウキョシャ</t>
    </rPh>
    <rPh sb="145" eb="149">
      <t>ミモトヒキウケ</t>
    </rPh>
    <rPh sb="149" eb="150">
      <t>ニン</t>
    </rPh>
    <rPh sb="150" eb="151">
      <t>ナド</t>
    </rPh>
    <rPh sb="152" eb="154">
      <t>キョウギ</t>
    </rPh>
    <rPh sb="156" eb="158">
      <t>イテン</t>
    </rPh>
    <rPh sb="158" eb="159">
      <t>サキ</t>
    </rPh>
    <rPh sb="160" eb="162">
      <t>カクホ</t>
    </rPh>
    <rPh sb="163" eb="165">
      <t>キョウリョク</t>
    </rPh>
    <rPh sb="173" eb="175">
      <t>ジョウキ</t>
    </rPh>
    <rPh sb="175" eb="177">
      <t>ケイヤク</t>
    </rPh>
    <rPh sb="177" eb="179">
      <t>カイジョ</t>
    </rPh>
    <rPh sb="180" eb="182">
      <t>ジョウケン</t>
    </rPh>
    <rPh sb="184" eb="186">
      <t>ジユウ</t>
    </rPh>
    <rPh sb="189" eb="191">
      <t>ケイヤク</t>
    </rPh>
    <rPh sb="192" eb="194">
      <t>カイジョ</t>
    </rPh>
    <rPh sb="196" eb="198">
      <t>バアイ</t>
    </rPh>
    <rPh sb="201" eb="202">
      <t>クワ</t>
    </rPh>
    <rPh sb="204" eb="207">
      <t>シュジイ</t>
    </rPh>
    <rPh sb="207" eb="208">
      <t>ナド</t>
    </rPh>
    <rPh sb="209" eb="211">
      <t>イケン</t>
    </rPh>
    <rPh sb="212" eb="213">
      <t>キ</t>
    </rPh>
    <rPh sb="219" eb="221">
      <t>イッテイ</t>
    </rPh>
    <rPh sb="222" eb="226">
      <t>カンサツキカン</t>
    </rPh>
    <rPh sb="227" eb="228">
      <t>モウ</t>
    </rPh>
    <phoneticPr fontId="5"/>
  </si>
  <si>
    <t>「原状回復をめぐるトラブルとガイドライン（再改訂版）」（平成23年８月国土交通省住宅局）を参考に、原状回復の費用負担について適切に算定している。</t>
    <rPh sb="1" eb="5">
      <t>ゲンジョウカイフク</t>
    </rPh>
    <rPh sb="21" eb="22">
      <t>サイ</t>
    </rPh>
    <rPh sb="22" eb="24">
      <t>カイテイ</t>
    </rPh>
    <rPh sb="24" eb="25">
      <t>バン</t>
    </rPh>
    <rPh sb="28" eb="30">
      <t>ヘイセイ</t>
    </rPh>
    <rPh sb="32" eb="33">
      <t>ネン</t>
    </rPh>
    <rPh sb="34" eb="35">
      <t>ガツ</t>
    </rPh>
    <rPh sb="35" eb="40">
      <t>コクドコウツウショウ</t>
    </rPh>
    <rPh sb="40" eb="42">
      <t>ジュウタク</t>
    </rPh>
    <rPh sb="42" eb="43">
      <t>キョク</t>
    </rPh>
    <rPh sb="45" eb="47">
      <t>サンコウ</t>
    </rPh>
    <rPh sb="49" eb="53">
      <t>ゲンジョウカイフク</t>
    </rPh>
    <rPh sb="54" eb="58">
      <t>ヒヨウフタン</t>
    </rPh>
    <rPh sb="62" eb="64">
      <t>テキセツ</t>
    </rPh>
    <rPh sb="65" eb="67">
      <t>サンテイ</t>
    </rPh>
    <phoneticPr fontId="5"/>
  </si>
  <si>
    <t>家賃、敷金及び介護等その他の日常生活上必要な便宜の供与の対価として受領する費用を除くほか、権利金その他の金品を受領していない。</t>
    <rPh sb="0" eb="2">
      <t>ヤチン</t>
    </rPh>
    <rPh sb="3" eb="5">
      <t>シキキン</t>
    </rPh>
    <rPh sb="5" eb="6">
      <t>オヨ</t>
    </rPh>
    <rPh sb="7" eb="9">
      <t>カイゴ</t>
    </rPh>
    <rPh sb="9" eb="10">
      <t>ナド</t>
    </rPh>
    <rPh sb="12" eb="13">
      <t>ホカ</t>
    </rPh>
    <rPh sb="14" eb="16">
      <t>ニチジョウ</t>
    </rPh>
    <rPh sb="16" eb="18">
      <t>セイカツ</t>
    </rPh>
    <rPh sb="18" eb="19">
      <t>ジョウ</t>
    </rPh>
    <rPh sb="19" eb="21">
      <t>ヒツヨウ</t>
    </rPh>
    <rPh sb="22" eb="24">
      <t>ベンギ</t>
    </rPh>
    <rPh sb="25" eb="27">
      <t>キョウヨ</t>
    </rPh>
    <rPh sb="28" eb="30">
      <t>タイカ</t>
    </rPh>
    <rPh sb="33" eb="35">
      <t>ジュリョウ</t>
    </rPh>
    <rPh sb="37" eb="39">
      <t>ヒヨウ</t>
    </rPh>
    <rPh sb="40" eb="41">
      <t>ノゾ</t>
    </rPh>
    <rPh sb="45" eb="48">
      <t>ケンリキン</t>
    </rPh>
    <rPh sb="50" eb="51">
      <t>ホカ</t>
    </rPh>
    <rPh sb="52" eb="54">
      <t>キンピン</t>
    </rPh>
    <rPh sb="55" eb="57">
      <t>ジュリョウ</t>
    </rPh>
    <phoneticPr fontId="1"/>
  </si>
  <si>
    <t>前払金を受領するに当たって前払金の算定の基礎を書面で明示しており、終身に渡る利用契約等を締結する場合には、想定居住期間を設定した上で金額を算定している。</t>
    <rPh sb="0" eb="3">
      <t>マエバライキン</t>
    </rPh>
    <rPh sb="4" eb="6">
      <t>ジュリョウ</t>
    </rPh>
    <rPh sb="9" eb="10">
      <t>ア</t>
    </rPh>
    <rPh sb="13" eb="16">
      <t>マエバライキン</t>
    </rPh>
    <rPh sb="17" eb="19">
      <t>サンテイ</t>
    </rPh>
    <rPh sb="20" eb="22">
      <t>キソ</t>
    </rPh>
    <rPh sb="23" eb="25">
      <t>ショメン</t>
    </rPh>
    <rPh sb="26" eb="28">
      <t>メイジ</t>
    </rPh>
    <rPh sb="33" eb="35">
      <t>シュウシン</t>
    </rPh>
    <rPh sb="36" eb="37">
      <t>ワタ</t>
    </rPh>
    <rPh sb="38" eb="42">
      <t>リヨウケイヤク</t>
    </rPh>
    <rPh sb="42" eb="43">
      <t>ナド</t>
    </rPh>
    <rPh sb="44" eb="46">
      <t>テイケツ</t>
    </rPh>
    <rPh sb="48" eb="50">
      <t>バアイ</t>
    </rPh>
    <rPh sb="53" eb="55">
      <t>ソウテイ</t>
    </rPh>
    <rPh sb="55" eb="57">
      <t>キョジュウ</t>
    </rPh>
    <rPh sb="57" eb="59">
      <t>キカン</t>
    </rPh>
    <rPh sb="60" eb="62">
      <t>セッテイ</t>
    </rPh>
    <rPh sb="64" eb="65">
      <t>ウエ</t>
    </rPh>
    <rPh sb="66" eb="68">
      <t>キンガク</t>
    </rPh>
    <rPh sb="69" eb="71">
      <t>サンテイ</t>
    </rPh>
    <phoneticPr fontId="1"/>
  </si>
  <si>
    <t>前払金を受領する場合、運営の手引きに記載された返還金算定方法による前払金を返還する契約を締結している。</t>
    <rPh sb="0" eb="3">
      <t>マエバライキン</t>
    </rPh>
    <rPh sb="4" eb="6">
      <t>ジュリョウ</t>
    </rPh>
    <rPh sb="8" eb="10">
      <t>バアイ</t>
    </rPh>
    <rPh sb="11" eb="13">
      <t>ウンエイ</t>
    </rPh>
    <rPh sb="14" eb="16">
      <t>テビ</t>
    </rPh>
    <rPh sb="18" eb="20">
      <t>キサイ</t>
    </rPh>
    <rPh sb="23" eb="26">
      <t>ヘンカンキン</t>
    </rPh>
    <rPh sb="26" eb="28">
      <t>サンテイ</t>
    </rPh>
    <rPh sb="28" eb="30">
      <t>ホウホウ</t>
    </rPh>
    <rPh sb="33" eb="36">
      <t>マエバライキン</t>
    </rPh>
    <rPh sb="37" eb="39">
      <t>ヘンカン</t>
    </rPh>
    <rPh sb="41" eb="43">
      <t>ケイヤク</t>
    </rPh>
    <rPh sb="44" eb="46">
      <t>テイケツ</t>
    </rPh>
    <phoneticPr fontId="1"/>
  </si>
  <si>
    <t>前払金を受領する場合、適切に保全措置を講じている。</t>
    <rPh sb="0" eb="3">
      <t>マエバライキン</t>
    </rPh>
    <rPh sb="4" eb="6">
      <t>ジュリョウ</t>
    </rPh>
    <rPh sb="8" eb="10">
      <t>バアイ</t>
    </rPh>
    <rPh sb="11" eb="13">
      <t>テキセツ</t>
    </rPh>
    <rPh sb="14" eb="16">
      <t>ホゼン</t>
    </rPh>
    <rPh sb="16" eb="18">
      <t>ソチ</t>
    </rPh>
    <rPh sb="19" eb="20">
      <t>コウ</t>
    </rPh>
    <phoneticPr fontId="1"/>
  </si>
  <si>
    <t>入居日から３月経過後に返還の対象とならない前払金を受領する場合、前払金方式に加えて月払い方式を設定し、入居希望者がいずれかの方式を選択できるようにするよう努めるとともに、契約締結の際にはそれぞれの支払い方式の特徴を明確に説明し、説明を行った者と説明を聞いた者の双方が重要事項説明書に署名を行うよう努めている。</t>
    <rPh sb="0" eb="2">
      <t>ニュウキョ</t>
    </rPh>
    <rPh sb="2" eb="3">
      <t>ビ</t>
    </rPh>
    <rPh sb="6" eb="7">
      <t>ツキ</t>
    </rPh>
    <rPh sb="7" eb="9">
      <t>ケイカ</t>
    </rPh>
    <rPh sb="9" eb="10">
      <t>ゴ</t>
    </rPh>
    <rPh sb="11" eb="13">
      <t>ヘンカン</t>
    </rPh>
    <rPh sb="14" eb="16">
      <t>タイショウ</t>
    </rPh>
    <rPh sb="21" eb="24">
      <t>マエバライキン</t>
    </rPh>
    <rPh sb="25" eb="27">
      <t>ジュリョウ</t>
    </rPh>
    <rPh sb="29" eb="31">
      <t>バアイ</t>
    </rPh>
    <rPh sb="32" eb="35">
      <t>マエバライキン</t>
    </rPh>
    <rPh sb="35" eb="37">
      <t>ホウシキ</t>
    </rPh>
    <rPh sb="38" eb="39">
      <t>クワ</t>
    </rPh>
    <rPh sb="41" eb="43">
      <t>ツキバライ</t>
    </rPh>
    <rPh sb="44" eb="46">
      <t>ホウシキ</t>
    </rPh>
    <rPh sb="47" eb="49">
      <t>セッテイ</t>
    </rPh>
    <rPh sb="51" eb="53">
      <t>ニュウキョ</t>
    </rPh>
    <rPh sb="53" eb="56">
      <t>キボウシャ</t>
    </rPh>
    <rPh sb="62" eb="64">
      <t>ホウシキ</t>
    </rPh>
    <rPh sb="65" eb="67">
      <t>センタク</t>
    </rPh>
    <rPh sb="77" eb="78">
      <t>ツト</t>
    </rPh>
    <rPh sb="85" eb="89">
      <t>ケイヤクテイケツ</t>
    </rPh>
    <rPh sb="90" eb="91">
      <t>サイ</t>
    </rPh>
    <rPh sb="98" eb="100">
      <t>シハラ</t>
    </rPh>
    <rPh sb="101" eb="103">
      <t>ホウシキ</t>
    </rPh>
    <rPh sb="104" eb="106">
      <t>トクチョウ</t>
    </rPh>
    <rPh sb="107" eb="109">
      <t>メイカク</t>
    </rPh>
    <rPh sb="110" eb="112">
      <t>セツメイ</t>
    </rPh>
    <rPh sb="114" eb="116">
      <t>セツメイ</t>
    </rPh>
    <rPh sb="117" eb="118">
      <t>オコナ</t>
    </rPh>
    <rPh sb="120" eb="121">
      <t>モノ</t>
    </rPh>
    <rPh sb="122" eb="124">
      <t>セツメイ</t>
    </rPh>
    <rPh sb="125" eb="126">
      <t>キ</t>
    </rPh>
    <rPh sb="128" eb="129">
      <t>モノ</t>
    </rPh>
    <rPh sb="130" eb="132">
      <t>ソウホウ</t>
    </rPh>
    <rPh sb="133" eb="140">
      <t>ジュウヨウジコウセツメイショ</t>
    </rPh>
    <rPh sb="141" eb="143">
      <t>ショメイ</t>
    </rPh>
    <rPh sb="144" eb="145">
      <t>オコナ</t>
    </rPh>
    <rPh sb="148" eb="149">
      <t>ツト</t>
    </rPh>
    <phoneticPr fontId="1"/>
  </si>
  <si>
    <t>虐待の未然防止、早期発見に努めるとともに、職員からの報告等により虐待（疑い）を発見した場合は、速やかに市町村に通報している。</t>
    <rPh sb="0" eb="2">
      <t>ギャクタイ</t>
    </rPh>
    <rPh sb="3" eb="5">
      <t>ミゼン</t>
    </rPh>
    <rPh sb="5" eb="7">
      <t>ボウシ</t>
    </rPh>
    <rPh sb="8" eb="12">
      <t>ソウキハッケン</t>
    </rPh>
    <rPh sb="13" eb="14">
      <t>ツト</t>
    </rPh>
    <rPh sb="21" eb="23">
      <t>ショクイン</t>
    </rPh>
    <rPh sb="26" eb="28">
      <t>ホウコク</t>
    </rPh>
    <rPh sb="28" eb="29">
      <t>ナド</t>
    </rPh>
    <rPh sb="32" eb="34">
      <t>ギャクタイ</t>
    </rPh>
    <rPh sb="35" eb="36">
      <t>ウタガ</t>
    </rPh>
    <rPh sb="39" eb="41">
      <t>ハッケン</t>
    </rPh>
    <rPh sb="43" eb="45">
      <t>バアイ</t>
    </rPh>
    <rPh sb="47" eb="48">
      <t>スミ</t>
    </rPh>
    <rPh sb="51" eb="54">
      <t>シチョウソン</t>
    </rPh>
    <rPh sb="55" eb="57">
      <t>ツウホウ</t>
    </rPh>
    <phoneticPr fontId="5"/>
  </si>
  <si>
    <t>高齢者虐待に係る通報を受け、市町村が施設に対し現地調査を行うことになった場合、積極的に市町村の現地調査に協力し、改善を求められた場合には真摯に受け止め、誠実に改善を図っている。</t>
    <rPh sb="0" eb="5">
      <t>コウレイシャギャクタイ</t>
    </rPh>
    <rPh sb="6" eb="7">
      <t>カカ</t>
    </rPh>
    <rPh sb="8" eb="10">
      <t>ツウホウ</t>
    </rPh>
    <rPh sb="11" eb="12">
      <t>ウ</t>
    </rPh>
    <rPh sb="14" eb="17">
      <t>シチョウソン</t>
    </rPh>
    <rPh sb="18" eb="20">
      <t>シセツ</t>
    </rPh>
    <rPh sb="21" eb="22">
      <t>タイ</t>
    </rPh>
    <rPh sb="23" eb="25">
      <t>ゲンチ</t>
    </rPh>
    <rPh sb="25" eb="27">
      <t>チョウサ</t>
    </rPh>
    <rPh sb="28" eb="29">
      <t>オコナ</t>
    </rPh>
    <rPh sb="36" eb="38">
      <t>バアイ</t>
    </rPh>
    <rPh sb="39" eb="42">
      <t>セッキョクテキ</t>
    </rPh>
    <rPh sb="43" eb="46">
      <t>シチョウソン</t>
    </rPh>
    <rPh sb="47" eb="49">
      <t>ゲンチ</t>
    </rPh>
    <rPh sb="49" eb="51">
      <t>チョウサ</t>
    </rPh>
    <rPh sb="52" eb="54">
      <t>キョウリョク</t>
    </rPh>
    <rPh sb="56" eb="58">
      <t>カイゼン</t>
    </rPh>
    <rPh sb="59" eb="60">
      <t>モト</t>
    </rPh>
    <rPh sb="64" eb="66">
      <t>バアイ</t>
    </rPh>
    <rPh sb="68" eb="70">
      <t>シンシ</t>
    </rPh>
    <rPh sb="71" eb="72">
      <t>ウ</t>
    </rPh>
    <rPh sb="73" eb="74">
      <t>ト</t>
    </rPh>
    <rPh sb="76" eb="78">
      <t>セイジツ</t>
    </rPh>
    <rPh sb="79" eb="81">
      <t>カイゼン</t>
    </rPh>
    <rPh sb="82" eb="83">
      <t>ハカ</t>
    </rPh>
    <phoneticPr fontId="1"/>
  </si>
  <si>
    <t>高齢者虐待の防止を図るため、次に掲げる措置を講じている。
・虐待の防止のための対策を検討する委員会を定期的に開催する
・上記委員会での検討結果を職員に周知徹底を図る
・虐待の防止のための指針を整備する
・職員に対し、虐待の防止のための研修を定期的に実施する
・これらの措置を適切に実施するための担当者を置く</t>
    <rPh sb="0" eb="5">
      <t>コウレイシャギャクタイ</t>
    </rPh>
    <rPh sb="6" eb="8">
      <t>ボウシ</t>
    </rPh>
    <rPh sb="9" eb="10">
      <t>ハカ</t>
    </rPh>
    <rPh sb="14" eb="15">
      <t>ツギ</t>
    </rPh>
    <rPh sb="16" eb="17">
      <t>カカ</t>
    </rPh>
    <rPh sb="19" eb="21">
      <t>ソチ</t>
    </rPh>
    <rPh sb="22" eb="23">
      <t>コウ</t>
    </rPh>
    <rPh sb="30" eb="32">
      <t>ギャクタイ</t>
    </rPh>
    <rPh sb="33" eb="35">
      <t>ボウシ</t>
    </rPh>
    <rPh sb="39" eb="41">
      <t>タイサク</t>
    </rPh>
    <rPh sb="42" eb="44">
      <t>ケントウ</t>
    </rPh>
    <rPh sb="46" eb="49">
      <t>イインカイ</t>
    </rPh>
    <rPh sb="50" eb="53">
      <t>テイキテキ</t>
    </rPh>
    <rPh sb="54" eb="56">
      <t>カイサイ</t>
    </rPh>
    <rPh sb="60" eb="65">
      <t>ジョウキイインカイ</t>
    </rPh>
    <rPh sb="67" eb="71">
      <t>ケントウケッカ</t>
    </rPh>
    <rPh sb="72" eb="74">
      <t>ショクイン</t>
    </rPh>
    <rPh sb="75" eb="77">
      <t>シュウチ</t>
    </rPh>
    <rPh sb="77" eb="79">
      <t>テッテイ</t>
    </rPh>
    <rPh sb="80" eb="81">
      <t>ハカ</t>
    </rPh>
    <rPh sb="84" eb="86">
      <t>ギャクタイ</t>
    </rPh>
    <rPh sb="87" eb="89">
      <t>ボウシ</t>
    </rPh>
    <rPh sb="93" eb="95">
      <t>シシン</t>
    </rPh>
    <rPh sb="96" eb="98">
      <t>セイビ</t>
    </rPh>
    <rPh sb="102" eb="104">
      <t>ショクイン</t>
    </rPh>
    <rPh sb="105" eb="106">
      <t>タイ</t>
    </rPh>
    <rPh sb="108" eb="110">
      <t>ギャクタイ</t>
    </rPh>
    <rPh sb="111" eb="113">
      <t>ボウシ</t>
    </rPh>
    <rPh sb="117" eb="119">
      <t>ケンシュウ</t>
    </rPh>
    <rPh sb="120" eb="123">
      <t>テイキテキ</t>
    </rPh>
    <rPh sb="124" eb="126">
      <t>ジッシ</t>
    </rPh>
    <rPh sb="134" eb="136">
      <t>ソチ</t>
    </rPh>
    <rPh sb="137" eb="139">
      <t>テキセツ</t>
    </rPh>
    <rPh sb="140" eb="142">
      <t>ジッシ</t>
    </rPh>
    <rPh sb="147" eb="150">
      <t>タントウシャ</t>
    </rPh>
    <rPh sb="151" eb="152">
      <t>オ</t>
    </rPh>
    <phoneticPr fontId="1"/>
  </si>
  <si>
    <t>身体的拘束を実施する場合、次の３要件の全てに該当している。
・切迫性：利用者本人又は他の利用者の生命又は身体が危険にさらされる可能性が著しく高い場合
・非代替性：身体的拘束以外に代替する介護方法がないこと
・一時性：身体的拘束は一時的なものであること</t>
    <rPh sb="0" eb="3">
      <t>シンタイテキ</t>
    </rPh>
    <rPh sb="3" eb="5">
      <t>コウソク</t>
    </rPh>
    <rPh sb="6" eb="8">
      <t>ジッシ</t>
    </rPh>
    <rPh sb="10" eb="12">
      <t>バアイ</t>
    </rPh>
    <rPh sb="13" eb="14">
      <t>ツギ</t>
    </rPh>
    <rPh sb="16" eb="18">
      <t>ヨウケン</t>
    </rPh>
    <rPh sb="19" eb="20">
      <t>スベ</t>
    </rPh>
    <rPh sb="22" eb="24">
      <t>ガイトウ</t>
    </rPh>
    <rPh sb="31" eb="34">
      <t>セッパクセイ</t>
    </rPh>
    <rPh sb="35" eb="38">
      <t>リヨウシャ</t>
    </rPh>
    <phoneticPr fontId="1"/>
  </si>
  <si>
    <t>身体拘束を実施する場合、次のように慎重かつ適切な判断、手続きを経ている。
・限られた関係者のみで身体的拘束の実施に係る判断はせずに、施設全体（組織）として判断を行っている。
・入居者本人や家族に対して、身体的拘束の内容、目的、理由、拘束の時間、時間帯、期間等をできる限り詳細に説明し、十分な理解を得るよう努めている。
・「緊急やむを得ない場合」に該当するかどうかを常に観察、再検討し、要件に該当しなくなったときには直ちに解除している。</t>
    <rPh sb="0" eb="4">
      <t>シンタイコウソク</t>
    </rPh>
    <rPh sb="5" eb="7">
      <t>ジッシ</t>
    </rPh>
    <rPh sb="9" eb="11">
      <t>バアイ</t>
    </rPh>
    <rPh sb="12" eb="13">
      <t>ツギ</t>
    </rPh>
    <rPh sb="17" eb="19">
      <t>シンチョウ</t>
    </rPh>
    <rPh sb="21" eb="23">
      <t>テキセツ</t>
    </rPh>
    <rPh sb="24" eb="26">
      <t>ハンダン</t>
    </rPh>
    <rPh sb="27" eb="29">
      <t>テツヅ</t>
    </rPh>
    <rPh sb="31" eb="32">
      <t>ヘ</t>
    </rPh>
    <rPh sb="38" eb="39">
      <t>カギ</t>
    </rPh>
    <rPh sb="42" eb="45">
      <t>カンケイシャ</t>
    </rPh>
    <rPh sb="48" eb="51">
      <t>シンタイテキ</t>
    </rPh>
    <rPh sb="51" eb="53">
      <t>コウソク</t>
    </rPh>
    <rPh sb="54" eb="56">
      <t>ジッシ</t>
    </rPh>
    <rPh sb="57" eb="58">
      <t>カカ</t>
    </rPh>
    <rPh sb="59" eb="61">
      <t>ハンダン</t>
    </rPh>
    <rPh sb="66" eb="68">
      <t>シセツ</t>
    </rPh>
    <rPh sb="68" eb="70">
      <t>ゼンタイ</t>
    </rPh>
    <rPh sb="71" eb="73">
      <t>ソシキ</t>
    </rPh>
    <rPh sb="77" eb="79">
      <t>ハンダン</t>
    </rPh>
    <rPh sb="80" eb="81">
      <t>オコナ</t>
    </rPh>
    <rPh sb="88" eb="91">
      <t>ニュウキョシャ</t>
    </rPh>
    <rPh sb="91" eb="93">
      <t>ホンニン</t>
    </rPh>
    <rPh sb="94" eb="96">
      <t>カゾク</t>
    </rPh>
    <rPh sb="97" eb="98">
      <t>タイ</t>
    </rPh>
    <rPh sb="101" eb="104">
      <t>シンタイテキ</t>
    </rPh>
    <rPh sb="104" eb="106">
      <t>コウソク</t>
    </rPh>
    <rPh sb="107" eb="109">
      <t>ナイヨウ</t>
    </rPh>
    <rPh sb="110" eb="112">
      <t>モクテキ</t>
    </rPh>
    <rPh sb="113" eb="115">
      <t>リユウ</t>
    </rPh>
    <rPh sb="116" eb="118">
      <t>コウソク</t>
    </rPh>
    <rPh sb="119" eb="121">
      <t>ジカン</t>
    </rPh>
    <rPh sb="122" eb="125">
      <t>ジカンタイ</t>
    </rPh>
    <rPh sb="126" eb="128">
      <t>キカン</t>
    </rPh>
    <rPh sb="128" eb="129">
      <t>ナド</t>
    </rPh>
    <rPh sb="133" eb="134">
      <t>カギ</t>
    </rPh>
    <rPh sb="135" eb="137">
      <t>ショウサイ</t>
    </rPh>
    <rPh sb="138" eb="140">
      <t>セツメイ</t>
    </rPh>
    <rPh sb="142" eb="144">
      <t>ジュウブン</t>
    </rPh>
    <rPh sb="145" eb="147">
      <t>リカイ</t>
    </rPh>
    <rPh sb="148" eb="149">
      <t>エ</t>
    </rPh>
    <rPh sb="152" eb="153">
      <t>ツト</t>
    </rPh>
    <rPh sb="161" eb="163">
      <t>キンキュウ</t>
    </rPh>
    <rPh sb="166" eb="167">
      <t>エ</t>
    </rPh>
    <rPh sb="169" eb="171">
      <t>バアイ</t>
    </rPh>
    <rPh sb="173" eb="175">
      <t>ガイトウ</t>
    </rPh>
    <rPh sb="182" eb="183">
      <t>ツネ</t>
    </rPh>
    <rPh sb="184" eb="186">
      <t>カンサツ</t>
    </rPh>
    <rPh sb="187" eb="190">
      <t>サイケントウ</t>
    </rPh>
    <rPh sb="192" eb="194">
      <t>ヨウケン</t>
    </rPh>
    <rPh sb="195" eb="197">
      <t>ガイトウ</t>
    </rPh>
    <rPh sb="207" eb="208">
      <t>タダ</t>
    </rPh>
    <rPh sb="210" eb="212">
      <t>カイジョ</t>
    </rPh>
    <phoneticPr fontId="1"/>
  </si>
  <si>
    <t>身体的拘束の態様及び時間、その際の利用者の心身の状況、緊急やむを得なかった理由を記録している。</t>
    <rPh sb="0" eb="5">
      <t>シンタイテキコウソク</t>
    </rPh>
    <rPh sb="6" eb="8">
      <t>タイヨウ</t>
    </rPh>
    <rPh sb="8" eb="9">
      <t>オヨ</t>
    </rPh>
    <rPh sb="10" eb="12">
      <t>ジカン</t>
    </rPh>
    <rPh sb="15" eb="16">
      <t>サイ</t>
    </rPh>
    <rPh sb="17" eb="20">
      <t>リヨウシャ</t>
    </rPh>
    <rPh sb="21" eb="23">
      <t>シンシン</t>
    </rPh>
    <rPh sb="24" eb="26">
      <t>ジョウキョウ</t>
    </rPh>
    <rPh sb="27" eb="29">
      <t>キンキュウ</t>
    </rPh>
    <rPh sb="32" eb="33">
      <t>エ</t>
    </rPh>
    <rPh sb="37" eb="39">
      <t>リユウ</t>
    </rPh>
    <rPh sb="40" eb="42">
      <t>キロク</t>
    </rPh>
    <phoneticPr fontId="1"/>
  </si>
  <si>
    <t>身体的拘束の適正化を図るために、次に掲げる措置を講じている。
・身体的拘束等の適正化のための対策を検討する委員会を三月に一回以上開催する
・上記委員会での検討結果を介護職員その他の従業者に周知徹底を図る
・身体的拘束等の適正化のための指針を整備する
・介護職員等に対し、身体的拘束等の適正化のための研修を定期的に実施する</t>
    <rPh sb="0" eb="5">
      <t>シンタイテキコウソク</t>
    </rPh>
    <rPh sb="6" eb="9">
      <t>テキセイカ</t>
    </rPh>
    <rPh sb="10" eb="11">
      <t>ハカ</t>
    </rPh>
    <rPh sb="16" eb="17">
      <t>ツギ</t>
    </rPh>
    <rPh sb="18" eb="19">
      <t>カカ</t>
    </rPh>
    <rPh sb="21" eb="23">
      <t>ソチ</t>
    </rPh>
    <rPh sb="24" eb="25">
      <t>コウ</t>
    </rPh>
    <rPh sb="32" eb="37">
      <t>シンタイテキコウソク</t>
    </rPh>
    <rPh sb="37" eb="38">
      <t>ナド</t>
    </rPh>
    <rPh sb="39" eb="42">
      <t>テキセイカ</t>
    </rPh>
    <rPh sb="46" eb="48">
      <t>タイサク</t>
    </rPh>
    <rPh sb="49" eb="51">
      <t>ケントウ</t>
    </rPh>
    <rPh sb="53" eb="56">
      <t>イインカイ</t>
    </rPh>
    <rPh sb="57" eb="59">
      <t>サンガツ</t>
    </rPh>
    <rPh sb="60" eb="62">
      <t>イッカイ</t>
    </rPh>
    <rPh sb="62" eb="64">
      <t>イジョウ</t>
    </rPh>
    <rPh sb="64" eb="66">
      <t>カイサイ</t>
    </rPh>
    <rPh sb="70" eb="75">
      <t>ジョウキイインカイ</t>
    </rPh>
    <rPh sb="77" eb="79">
      <t>ケントウ</t>
    </rPh>
    <rPh sb="79" eb="81">
      <t>ケッカ</t>
    </rPh>
    <rPh sb="82" eb="84">
      <t>カイゴ</t>
    </rPh>
    <rPh sb="84" eb="86">
      <t>ショクイン</t>
    </rPh>
    <rPh sb="88" eb="89">
      <t>ホカ</t>
    </rPh>
    <rPh sb="90" eb="93">
      <t>ジュウギョウシャ</t>
    </rPh>
    <rPh sb="94" eb="96">
      <t>シュウチ</t>
    </rPh>
    <rPh sb="96" eb="98">
      <t>テッテイ</t>
    </rPh>
    <rPh sb="99" eb="100">
      <t>ハカ</t>
    </rPh>
    <rPh sb="103" eb="108">
      <t>シンタイテキコウソク</t>
    </rPh>
    <rPh sb="108" eb="109">
      <t>ナド</t>
    </rPh>
    <rPh sb="110" eb="113">
      <t>テキセイカ</t>
    </rPh>
    <rPh sb="117" eb="119">
      <t>シシン</t>
    </rPh>
    <rPh sb="120" eb="122">
      <t>セイビ</t>
    </rPh>
    <rPh sb="126" eb="130">
      <t>カイゴショクイン</t>
    </rPh>
    <rPh sb="130" eb="131">
      <t>ナド</t>
    </rPh>
    <rPh sb="132" eb="133">
      <t>タイ</t>
    </rPh>
    <rPh sb="135" eb="138">
      <t>シンタイテキ</t>
    </rPh>
    <rPh sb="138" eb="140">
      <t>コウソク</t>
    </rPh>
    <rPh sb="140" eb="141">
      <t>ナド</t>
    </rPh>
    <rPh sb="142" eb="145">
      <t>テキセイカ</t>
    </rPh>
    <rPh sb="149" eb="151">
      <t>ケンシュウ</t>
    </rPh>
    <rPh sb="152" eb="155">
      <t>テイキテキ</t>
    </rPh>
    <rPh sb="156" eb="158">
      <t>ジッシ</t>
    </rPh>
    <phoneticPr fontId="1"/>
  </si>
  <si>
    <t>入居者や家族が施設に対して苦情を申し出る際の苦情相談窓口及び外部の苦情対応機関について、重要事項説明書に明記するとともに、施設内の見やすい場所に連絡先を掲示するなど、入居者やその家族が行政も含めて相談できるような体制、環境を整えている。</t>
    <rPh sb="0" eb="3">
      <t>ニュウキョシャ</t>
    </rPh>
    <rPh sb="4" eb="6">
      <t>カゾク</t>
    </rPh>
    <rPh sb="7" eb="9">
      <t>シセツ</t>
    </rPh>
    <rPh sb="10" eb="11">
      <t>タイ</t>
    </rPh>
    <rPh sb="13" eb="15">
      <t>クジョウ</t>
    </rPh>
    <rPh sb="16" eb="17">
      <t>モウ</t>
    </rPh>
    <rPh sb="18" eb="19">
      <t>デ</t>
    </rPh>
    <rPh sb="20" eb="21">
      <t>サイ</t>
    </rPh>
    <rPh sb="22" eb="24">
      <t>クジョウ</t>
    </rPh>
    <rPh sb="24" eb="26">
      <t>ソウダン</t>
    </rPh>
    <rPh sb="26" eb="27">
      <t>マド</t>
    </rPh>
    <rPh sb="27" eb="28">
      <t>クチ</t>
    </rPh>
    <rPh sb="28" eb="29">
      <t>オヨ</t>
    </rPh>
    <rPh sb="30" eb="32">
      <t>ガイブ</t>
    </rPh>
    <rPh sb="33" eb="35">
      <t>クジョウ</t>
    </rPh>
    <rPh sb="35" eb="37">
      <t>タイオウ</t>
    </rPh>
    <rPh sb="37" eb="39">
      <t>キカン</t>
    </rPh>
    <rPh sb="44" eb="51">
      <t>ジュウヨウジコウセツメイショ</t>
    </rPh>
    <rPh sb="52" eb="54">
      <t>メイキ</t>
    </rPh>
    <rPh sb="61" eb="63">
      <t>シセツ</t>
    </rPh>
    <rPh sb="63" eb="64">
      <t>ナイ</t>
    </rPh>
    <rPh sb="65" eb="66">
      <t>ミ</t>
    </rPh>
    <rPh sb="69" eb="71">
      <t>バショ</t>
    </rPh>
    <rPh sb="72" eb="75">
      <t>レンラクサキ</t>
    </rPh>
    <rPh sb="76" eb="78">
      <t>ケイジ</t>
    </rPh>
    <rPh sb="83" eb="86">
      <t>ニュウキョシャ</t>
    </rPh>
    <rPh sb="89" eb="91">
      <t>カゾク</t>
    </rPh>
    <rPh sb="92" eb="94">
      <t>ギョウセイ</t>
    </rPh>
    <rPh sb="95" eb="96">
      <t>フク</t>
    </rPh>
    <rPh sb="98" eb="100">
      <t>ソウダン</t>
    </rPh>
    <rPh sb="106" eb="108">
      <t>タイセイ</t>
    </rPh>
    <rPh sb="109" eb="111">
      <t>カンキョウ</t>
    </rPh>
    <rPh sb="112" eb="113">
      <t>トトノ</t>
    </rPh>
    <phoneticPr fontId="1"/>
  </si>
  <si>
    <t>入居者及びその家族等から相談を受けた苦情相談機関が当該経過状況の聴取等を求めた場合、誠実に回答している。</t>
    <rPh sb="0" eb="3">
      <t>ニュウキョシャ</t>
    </rPh>
    <rPh sb="3" eb="4">
      <t>オヨ</t>
    </rPh>
    <rPh sb="7" eb="9">
      <t>カゾク</t>
    </rPh>
    <rPh sb="9" eb="10">
      <t>ナド</t>
    </rPh>
    <rPh sb="12" eb="14">
      <t>ソウダン</t>
    </rPh>
    <rPh sb="15" eb="16">
      <t>ウ</t>
    </rPh>
    <rPh sb="18" eb="20">
      <t>クジョウ</t>
    </rPh>
    <rPh sb="20" eb="22">
      <t>ソウダン</t>
    </rPh>
    <rPh sb="22" eb="24">
      <t>キカン</t>
    </rPh>
    <rPh sb="25" eb="29">
      <t>トウガイケイカ</t>
    </rPh>
    <rPh sb="29" eb="31">
      <t>ジョウキョウ</t>
    </rPh>
    <rPh sb="32" eb="34">
      <t>チョウシュ</t>
    </rPh>
    <rPh sb="34" eb="35">
      <t>ナド</t>
    </rPh>
    <rPh sb="36" eb="37">
      <t>モト</t>
    </rPh>
    <rPh sb="39" eb="41">
      <t>バアイ</t>
    </rPh>
    <rPh sb="42" eb="44">
      <t>セイジツ</t>
    </rPh>
    <rPh sb="45" eb="47">
      <t>カイトウ</t>
    </rPh>
    <phoneticPr fontId="1"/>
  </si>
  <si>
    <t>事故の防止に向け、次の点に則った対応をしている。
・事故が発生した場合の対応及び事故発生時の家族等への報告の方法等が記載された事故発生防止のための指針を整備すること。
・事故発生の防止のための委員会及び職員に対する研修を定期的に行うこと。
・洗剤等の誤飲、誤食を防止するため、保管する設備を備えること。
・医薬品等を保管する鍵付きロッカーなど必要な備品を備えること。</t>
    <rPh sb="0" eb="2">
      <t>ジコ</t>
    </rPh>
    <rPh sb="3" eb="5">
      <t>ボウシ</t>
    </rPh>
    <rPh sb="6" eb="7">
      <t>ム</t>
    </rPh>
    <rPh sb="9" eb="10">
      <t>ツギ</t>
    </rPh>
    <rPh sb="11" eb="12">
      <t>テン</t>
    </rPh>
    <rPh sb="13" eb="14">
      <t>ノット</t>
    </rPh>
    <rPh sb="16" eb="18">
      <t>タイオウ</t>
    </rPh>
    <rPh sb="26" eb="28">
      <t>ジコ</t>
    </rPh>
    <rPh sb="29" eb="31">
      <t>ハッセイ</t>
    </rPh>
    <rPh sb="33" eb="35">
      <t>バアイ</t>
    </rPh>
    <rPh sb="36" eb="38">
      <t>タイオウ</t>
    </rPh>
    <rPh sb="38" eb="39">
      <t>オヨ</t>
    </rPh>
    <rPh sb="40" eb="42">
      <t>ジコ</t>
    </rPh>
    <rPh sb="42" eb="44">
      <t>ハッセイ</t>
    </rPh>
    <rPh sb="44" eb="45">
      <t>ジ</t>
    </rPh>
    <rPh sb="46" eb="48">
      <t>カゾク</t>
    </rPh>
    <rPh sb="48" eb="49">
      <t>ナド</t>
    </rPh>
    <rPh sb="51" eb="53">
      <t>ホウコク</t>
    </rPh>
    <rPh sb="54" eb="56">
      <t>ホウホウ</t>
    </rPh>
    <rPh sb="56" eb="57">
      <t>ナド</t>
    </rPh>
    <rPh sb="58" eb="60">
      <t>キサイ</t>
    </rPh>
    <rPh sb="63" eb="65">
      <t>ジコ</t>
    </rPh>
    <rPh sb="65" eb="67">
      <t>ハッセイ</t>
    </rPh>
    <rPh sb="67" eb="69">
      <t>ボウシ</t>
    </rPh>
    <rPh sb="73" eb="75">
      <t>シシン</t>
    </rPh>
    <rPh sb="76" eb="78">
      <t>セイビ</t>
    </rPh>
    <rPh sb="85" eb="87">
      <t>ジコ</t>
    </rPh>
    <rPh sb="87" eb="89">
      <t>ハッセイ</t>
    </rPh>
    <rPh sb="90" eb="92">
      <t>ボウシ</t>
    </rPh>
    <rPh sb="96" eb="99">
      <t>イインカイ</t>
    </rPh>
    <rPh sb="99" eb="100">
      <t>オヨ</t>
    </rPh>
    <rPh sb="101" eb="103">
      <t>ショクイン</t>
    </rPh>
    <rPh sb="104" eb="105">
      <t>タイ</t>
    </rPh>
    <rPh sb="107" eb="109">
      <t>ケンシュウ</t>
    </rPh>
    <rPh sb="110" eb="113">
      <t>テイキテキ</t>
    </rPh>
    <rPh sb="114" eb="115">
      <t>オコナ</t>
    </rPh>
    <rPh sb="121" eb="123">
      <t>センザイ</t>
    </rPh>
    <rPh sb="123" eb="124">
      <t>ナド</t>
    </rPh>
    <rPh sb="125" eb="127">
      <t>ゴイン</t>
    </rPh>
    <phoneticPr fontId="5"/>
  </si>
  <si>
    <t>事故の再発防止に向け、次の点に則った対応をしている。
・事故が発生した場合又はそれに至る危険性がある事態が生じた場合に、当該事実が報告され、その原因の多角的分析を通した改善策について職員に周知徹底する体制を整備すること。なお、再発防止対策についてはさらに検証を行うこと。
・再発防止に係る検証について、記録を保存するとともに、運営懇談会において報告するよう努めること。</t>
    <rPh sb="0" eb="2">
      <t>ジコ</t>
    </rPh>
    <rPh sb="3" eb="7">
      <t>サイハツボウシ</t>
    </rPh>
    <rPh sb="8" eb="9">
      <t>ム</t>
    </rPh>
    <rPh sb="11" eb="12">
      <t>ツギ</t>
    </rPh>
    <rPh sb="13" eb="14">
      <t>テン</t>
    </rPh>
    <rPh sb="15" eb="16">
      <t>ノット</t>
    </rPh>
    <rPh sb="18" eb="20">
      <t>タイオウ</t>
    </rPh>
    <rPh sb="28" eb="30">
      <t>ジコ</t>
    </rPh>
    <rPh sb="31" eb="33">
      <t>ハッセイ</t>
    </rPh>
    <rPh sb="35" eb="37">
      <t>バアイ</t>
    </rPh>
    <rPh sb="37" eb="38">
      <t>マタ</t>
    </rPh>
    <rPh sb="42" eb="43">
      <t>イタ</t>
    </rPh>
    <rPh sb="44" eb="47">
      <t>キケンセイ</t>
    </rPh>
    <rPh sb="50" eb="52">
      <t>ジタイ</t>
    </rPh>
    <rPh sb="53" eb="54">
      <t>ショウ</t>
    </rPh>
    <rPh sb="56" eb="58">
      <t>バアイ</t>
    </rPh>
    <rPh sb="60" eb="62">
      <t>トウガイ</t>
    </rPh>
    <rPh sb="62" eb="64">
      <t>ジジツ</t>
    </rPh>
    <rPh sb="65" eb="67">
      <t>ホウコク</t>
    </rPh>
    <rPh sb="72" eb="74">
      <t>ゲンイン</t>
    </rPh>
    <rPh sb="75" eb="78">
      <t>タカクテキ</t>
    </rPh>
    <rPh sb="78" eb="80">
      <t>ブンセキ</t>
    </rPh>
    <rPh sb="81" eb="82">
      <t>ツウ</t>
    </rPh>
    <rPh sb="84" eb="87">
      <t>カイゼンサク</t>
    </rPh>
    <rPh sb="91" eb="93">
      <t>ショクイン</t>
    </rPh>
    <rPh sb="94" eb="96">
      <t>シュウチ</t>
    </rPh>
    <rPh sb="96" eb="98">
      <t>テッテイ</t>
    </rPh>
    <rPh sb="100" eb="102">
      <t>タイセイ</t>
    </rPh>
    <rPh sb="103" eb="105">
      <t>セイビ</t>
    </rPh>
    <rPh sb="113" eb="115">
      <t>サイハツ</t>
    </rPh>
    <rPh sb="115" eb="117">
      <t>ボウシ</t>
    </rPh>
    <rPh sb="117" eb="119">
      <t>タイサク</t>
    </rPh>
    <rPh sb="127" eb="129">
      <t>ケンショウ</t>
    </rPh>
    <rPh sb="130" eb="131">
      <t>オコナ</t>
    </rPh>
    <rPh sb="137" eb="139">
      <t>サイハツ</t>
    </rPh>
    <rPh sb="139" eb="141">
      <t>ボウシ</t>
    </rPh>
    <rPh sb="142" eb="143">
      <t>カカ</t>
    </rPh>
    <rPh sb="144" eb="146">
      <t>ケンショウ</t>
    </rPh>
    <rPh sb="151" eb="153">
      <t>キロク</t>
    </rPh>
    <rPh sb="154" eb="156">
      <t>ホゾン</t>
    </rPh>
    <rPh sb="163" eb="165">
      <t>ウンエイ</t>
    </rPh>
    <rPh sb="165" eb="168">
      <t>コンダンカイ</t>
    </rPh>
    <rPh sb="172" eb="174">
      <t>ホウコク</t>
    </rPh>
    <rPh sb="178" eb="179">
      <t>ツト</t>
    </rPh>
    <phoneticPr fontId="5"/>
  </si>
  <si>
    <t>事故発生時、次のように対応している。
・入居者の様態、状況を確認しながら必要な救命処置等や緊急搬送の受入準備、搬送に同行する。その他必要な対応を様態・状況に応じて行う。
・状況の応じて連絡が必要な機関等へ連絡する。
(ｱ)施設（管理者、看護職員、他に連絡が必要な職員、本部等）
(ｲ)病院等（協力医療機関、消防署への緊急搬送要請、警察署等）
(ｳ)家族等（家族、身元引受人等）
(ｴ)行政（所在市町村、保険者、神奈川県）</t>
    <rPh sb="0" eb="5">
      <t>ジコハッセイジ</t>
    </rPh>
    <rPh sb="6" eb="7">
      <t>ツギ</t>
    </rPh>
    <rPh sb="11" eb="13">
      <t>タイオウ</t>
    </rPh>
    <rPh sb="20" eb="23">
      <t>ニュウキョシャ</t>
    </rPh>
    <rPh sb="24" eb="26">
      <t>ヨウタイ</t>
    </rPh>
    <rPh sb="27" eb="29">
      <t>ジョウキョウ</t>
    </rPh>
    <rPh sb="30" eb="32">
      <t>カクニン</t>
    </rPh>
    <rPh sb="36" eb="38">
      <t>ヒツヨウ</t>
    </rPh>
    <rPh sb="39" eb="41">
      <t>キュウメイ</t>
    </rPh>
    <rPh sb="41" eb="43">
      <t>ショチ</t>
    </rPh>
    <rPh sb="43" eb="44">
      <t>ナド</t>
    </rPh>
    <rPh sb="45" eb="49">
      <t>キンキュウハンソウ</t>
    </rPh>
    <rPh sb="50" eb="52">
      <t>ウケイレ</t>
    </rPh>
    <rPh sb="52" eb="54">
      <t>ジュンビ</t>
    </rPh>
    <rPh sb="55" eb="57">
      <t>ハンソウ</t>
    </rPh>
    <rPh sb="58" eb="60">
      <t>ドウコウ</t>
    </rPh>
    <rPh sb="65" eb="66">
      <t>ホカ</t>
    </rPh>
    <rPh sb="66" eb="68">
      <t>ヒツヨウ</t>
    </rPh>
    <rPh sb="69" eb="71">
      <t>タイオウ</t>
    </rPh>
    <rPh sb="72" eb="74">
      <t>ヨウタイ</t>
    </rPh>
    <rPh sb="75" eb="77">
      <t>ジョウキョウ</t>
    </rPh>
    <rPh sb="78" eb="79">
      <t>オウ</t>
    </rPh>
    <rPh sb="81" eb="82">
      <t>オコナ</t>
    </rPh>
    <rPh sb="86" eb="88">
      <t>ジョウキョウ</t>
    </rPh>
    <rPh sb="89" eb="90">
      <t>オウ</t>
    </rPh>
    <rPh sb="92" eb="94">
      <t>レンラク</t>
    </rPh>
    <rPh sb="95" eb="97">
      <t>ヒツヨウ</t>
    </rPh>
    <rPh sb="98" eb="100">
      <t>キカン</t>
    </rPh>
    <rPh sb="100" eb="101">
      <t>ナド</t>
    </rPh>
    <rPh sb="102" eb="104">
      <t>レンラク</t>
    </rPh>
    <rPh sb="111" eb="113">
      <t>シセツ</t>
    </rPh>
    <rPh sb="114" eb="117">
      <t>カンリシャ</t>
    </rPh>
    <rPh sb="118" eb="120">
      <t>カンゴ</t>
    </rPh>
    <rPh sb="120" eb="122">
      <t>ショクイン</t>
    </rPh>
    <rPh sb="123" eb="124">
      <t>ホカ</t>
    </rPh>
    <rPh sb="125" eb="127">
      <t>レンラク</t>
    </rPh>
    <rPh sb="128" eb="130">
      <t>ヒツヨウ</t>
    </rPh>
    <rPh sb="131" eb="133">
      <t>ショクイン</t>
    </rPh>
    <rPh sb="134" eb="136">
      <t>ホンブ</t>
    </rPh>
    <rPh sb="136" eb="137">
      <t>ナド</t>
    </rPh>
    <rPh sb="142" eb="144">
      <t>ビョウイン</t>
    </rPh>
    <rPh sb="144" eb="145">
      <t>ナド</t>
    </rPh>
    <rPh sb="146" eb="152">
      <t>キョウリョクイリョウキカン</t>
    </rPh>
    <rPh sb="153" eb="156">
      <t>ショウボウショ</t>
    </rPh>
    <rPh sb="158" eb="162">
      <t>キンキュウハンソウ</t>
    </rPh>
    <rPh sb="162" eb="164">
      <t>ヨウセイ</t>
    </rPh>
    <rPh sb="165" eb="168">
      <t>ケイサツショ</t>
    </rPh>
    <rPh sb="168" eb="169">
      <t>ナド</t>
    </rPh>
    <rPh sb="174" eb="176">
      <t>カゾク</t>
    </rPh>
    <rPh sb="176" eb="177">
      <t>ナド</t>
    </rPh>
    <rPh sb="178" eb="180">
      <t>カゾク</t>
    </rPh>
    <rPh sb="181" eb="186">
      <t>ミモトヒキウケニン</t>
    </rPh>
    <rPh sb="186" eb="187">
      <t>ナド</t>
    </rPh>
    <rPh sb="192" eb="194">
      <t>ギョウセイ</t>
    </rPh>
    <rPh sb="195" eb="200">
      <t>ショザイシチョウソン</t>
    </rPh>
    <rPh sb="201" eb="203">
      <t>ホケン</t>
    </rPh>
    <rPh sb="203" eb="204">
      <t>モノ</t>
    </rPh>
    <rPh sb="205" eb="209">
      <t>カナガワケン</t>
    </rPh>
    <phoneticPr fontId="5"/>
  </si>
  <si>
    <t>介護付有料老人ホームは、市町村（所在市町村及び保険者）の事故報告取扱要領に従い報告を行い、県又は指定都市等に対しても同様のものを報告している。
住宅型有料老人ホームは、介護付有料老人ホームの項目に準じて県に対して報告をしている。</t>
    <rPh sb="0" eb="7">
      <t>カイゴツキユウリョウロウジン</t>
    </rPh>
    <rPh sb="12" eb="15">
      <t>シチョウソン</t>
    </rPh>
    <rPh sb="16" eb="21">
      <t>ショザイシチョウソン</t>
    </rPh>
    <rPh sb="21" eb="22">
      <t>オヨ</t>
    </rPh>
    <rPh sb="23" eb="25">
      <t>ホケン</t>
    </rPh>
    <rPh sb="25" eb="26">
      <t>ジャ</t>
    </rPh>
    <rPh sb="28" eb="33">
      <t>ジコホウコクト</t>
    </rPh>
    <rPh sb="33" eb="34">
      <t>アツカ</t>
    </rPh>
    <rPh sb="34" eb="36">
      <t>ヨウリョウ</t>
    </rPh>
    <rPh sb="37" eb="38">
      <t>シタガ</t>
    </rPh>
    <rPh sb="39" eb="41">
      <t>ホウコク</t>
    </rPh>
    <rPh sb="42" eb="43">
      <t>オコナ</t>
    </rPh>
    <rPh sb="45" eb="46">
      <t>ケン</t>
    </rPh>
    <rPh sb="46" eb="47">
      <t>マタ</t>
    </rPh>
    <rPh sb="48" eb="50">
      <t>シテイ</t>
    </rPh>
    <rPh sb="50" eb="52">
      <t>トシ</t>
    </rPh>
    <rPh sb="52" eb="53">
      <t>ナド</t>
    </rPh>
    <rPh sb="54" eb="55">
      <t>タイ</t>
    </rPh>
    <rPh sb="58" eb="60">
      <t>ドウヨウ</t>
    </rPh>
    <rPh sb="64" eb="66">
      <t>ホウコク</t>
    </rPh>
    <rPh sb="72" eb="79">
      <t>ジュウタクガタユウリョウロウジン</t>
    </rPh>
    <rPh sb="84" eb="91">
      <t>カイゴツキユウリョウロウジン</t>
    </rPh>
    <rPh sb="95" eb="97">
      <t>コウモク</t>
    </rPh>
    <rPh sb="98" eb="99">
      <t>ジュン</t>
    </rPh>
    <rPh sb="101" eb="102">
      <t>ケン</t>
    </rPh>
    <rPh sb="103" eb="104">
      <t>タイ</t>
    </rPh>
    <rPh sb="106" eb="108">
      <t>ホウコク</t>
    </rPh>
    <phoneticPr fontId="1"/>
  </si>
  <si>
    <t>職員個人が書いて提出するものではなく、施設（組織）として行政あてに報告している。</t>
    <rPh sb="0" eb="2">
      <t>ショクイン</t>
    </rPh>
    <rPh sb="2" eb="4">
      <t>コジン</t>
    </rPh>
    <rPh sb="5" eb="6">
      <t>カ</t>
    </rPh>
    <rPh sb="8" eb="10">
      <t>テイシュツ</t>
    </rPh>
    <rPh sb="19" eb="21">
      <t>シセツ</t>
    </rPh>
    <rPh sb="22" eb="24">
      <t>ソシキ</t>
    </rPh>
    <rPh sb="28" eb="30">
      <t>ギョウセイ</t>
    </rPh>
    <rPh sb="33" eb="35">
      <t>ホウコク</t>
    </rPh>
    <phoneticPr fontId="1"/>
  </si>
  <si>
    <t>近距離で、かつ内科・整形外科・精神科等の診療科目を標榜している医療機関と協力する旨及びその協力内容を取り決めている。</t>
    <rPh sb="0" eb="3">
      <t>キンキョリ</t>
    </rPh>
    <rPh sb="7" eb="9">
      <t>ナイカ</t>
    </rPh>
    <rPh sb="10" eb="14">
      <t>セイケイゲカ</t>
    </rPh>
    <rPh sb="15" eb="18">
      <t>セイシンカ</t>
    </rPh>
    <rPh sb="18" eb="19">
      <t>ナド</t>
    </rPh>
    <rPh sb="20" eb="24">
      <t>シンリョウカモク</t>
    </rPh>
    <rPh sb="25" eb="27">
      <t>ヒョウボウ</t>
    </rPh>
    <rPh sb="31" eb="33">
      <t>イリョウ</t>
    </rPh>
    <rPh sb="33" eb="35">
      <t>キカン</t>
    </rPh>
    <rPh sb="36" eb="38">
      <t>キョウリョク</t>
    </rPh>
    <rPh sb="40" eb="41">
      <t>ムネ</t>
    </rPh>
    <rPh sb="41" eb="42">
      <t>オヨ</t>
    </rPh>
    <rPh sb="45" eb="47">
      <t>キョウリョク</t>
    </rPh>
    <rPh sb="47" eb="49">
      <t>ナイヨウ</t>
    </rPh>
    <rPh sb="50" eb="51">
      <t>ト</t>
    </rPh>
    <rPh sb="52" eb="53">
      <t>キ</t>
    </rPh>
    <phoneticPr fontId="5"/>
  </si>
  <si>
    <t>協力医療機関との協力内容及び診療科目等について入居者に周知している。</t>
    <rPh sb="0" eb="6">
      <t>キョウリョクイリョウキカン</t>
    </rPh>
    <rPh sb="8" eb="10">
      <t>キョウリョク</t>
    </rPh>
    <rPh sb="10" eb="12">
      <t>ナイヨウ</t>
    </rPh>
    <rPh sb="12" eb="13">
      <t>オヨ</t>
    </rPh>
    <rPh sb="14" eb="18">
      <t>シンリョウカモク</t>
    </rPh>
    <rPh sb="18" eb="19">
      <t>ナド</t>
    </rPh>
    <rPh sb="23" eb="26">
      <t>ニュウキョシャ</t>
    </rPh>
    <rPh sb="27" eb="29">
      <t>シュウチ</t>
    </rPh>
    <phoneticPr fontId="1"/>
  </si>
  <si>
    <t>入居者が適切に健康相談や健康診断を受けられるよう、協力医療機関による医師の訪問や、嘱託医の確保などの支援を行っている。</t>
    <rPh sb="0" eb="3">
      <t>ニュウキョシャ</t>
    </rPh>
    <rPh sb="4" eb="6">
      <t>テキセツ</t>
    </rPh>
    <rPh sb="7" eb="9">
      <t>ケンコウ</t>
    </rPh>
    <rPh sb="9" eb="11">
      <t>ソウダン</t>
    </rPh>
    <rPh sb="12" eb="14">
      <t>ケンコウ</t>
    </rPh>
    <rPh sb="14" eb="16">
      <t>シンダン</t>
    </rPh>
    <rPh sb="17" eb="18">
      <t>ウ</t>
    </rPh>
    <rPh sb="25" eb="31">
      <t>キョウリョクイリョウキカン</t>
    </rPh>
    <rPh sb="34" eb="36">
      <t>イシ</t>
    </rPh>
    <rPh sb="37" eb="39">
      <t>ホウモン</t>
    </rPh>
    <rPh sb="41" eb="44">
      <t>ショクタクイ</t>
    </rPh>
    <rPh sb="45" eb="47">
      <t>カクホ</t>
    </rPh>
    <rPh sb="50" eb="52">
      <t>シエン</t>
    </rPh>
    <rPh sb="53" eb="54">
      <t>オコナ</t>
    </rPh>
    <phoneticPr fontId="5"/>
  </si>
  <si>
    <t>協力医療機関はあくまでも入居者の選択肢として設置者が掲示するものであり、入居者が医療機関を自由に選択することを妨げていない。</t>
    <rPh sb="0" eb="6">
      <t>キョウリョクイリョウキカン</t>
    </rPh>
    <rPh sb="12" eb="15">
      <t>ニュウキョシャ</t>
    </rPh>
    <rPh sb="16" eb="19">
      <t>センタクシ</t>
    </rPh>
    <rPh sb="22" eb="25">
      <t>セッチシャ</t>
    </rPh>
    <rPh sb="26" eb="28">
      <t>ケイジ</t>
    </rPh>
    <rPh sb="36" eb="39">
      <t>ニュウキョシャ</t>
    </rPh>
    <rPh sb="40" eb="44">
      <t>イリョウキカン</t>
    </rPh>
    <rPh sb="45" eb="47">
      <t>ジユウ</t>
    </rPh>
    <rPh sb="48" eb="50">
      <t>センタク</t>
    </rPh>
    <rPh sb="55" eb="56">
      <t>サマタ</t>
    </rPh>
    <phoneticPr fontId="1"/>
  </si>
  <si>
    <t>⑥</t>
    <phoneticPr fontId="1"/>
  </si>
  <si>
    <t>⑦</t>
    <phoneticPr fontId="1"/>
  </si>
  <si>
    <t>業務継続計画を策定し、計画に従って必要な措置を講じている。また、職員に対し業務継続計画について周知するとともに、必要な研修及び訓練を定期的に実施している。</t>
    <rPh sb="0" eb="6">
      <t>ギョウムケイゾクケイカク</t>
    </rPh>
    <rPh sb="7" eb="9">
      <t>サクテイ</t>
    </rPh>
    <rPh sb="11" eb="13">
      <t>ケイカク</t>
    </rPh>
    <rPh sb="14" eb="15">
      <t>シタガ</t>
    </rPh>
    <rPh sb="17" eb="19">
      <t>ヒツヨウ</t>
    </rPh>
    <rPh sb="20" eb="22">
      <t>ソチ</t>
    </rPh>
    <rPh sb="23" eb="24">
      <t>コウ</t>
    </rPh>
    <rPh sb="32" eb="34">
      <t>ショクイン</t>
    </rPh>
    <rPh sb="35" eb="36">
      <t>タイ</t>
    </rPh>
    <rPh sb="37" eb="41">
      <t>ギョウムケイゾク</t>
    </rPh>
    <rPh sb="41" eb="43">
      <t>ケイカク</t>
    </rPh>
    <rPh sb="47" eb="49">
      <t>シュウチ</t>
    </rPh>
    <rPh sb="56" eb="58">
      <t>ヒツヨウ</t>
    </rPh>
    <rPh sb="59" eb="61">
      <t>ケンシュウ</t>
    </rPh>
    <rPh sb="61" eb="62">
      <t>オヨ</t>
    </rPh>
    <rPh sb="63" eb="65">
      <t>クンレン</t>
    </rPh>
    <rPh sb="66" eb="69">
      <t>テイキテキ</t>
    </rPh>
    <rPh sb="70" eb="72">
      <t>ジッシ</t>
    </rPh>
    <phoneticPr fontId="1"/>
  </si>
  <si>
    <t>（２）　消防法施行令の規定　(運営の手引き p.7)</t>
    <rPh sb="4" eb="7">
      <t>ショウボウホウ</t>
    </rPh>
    <rPh sb="7" eb="10">
      <t>シコウレイ</t>
    </rPh>
    <rPh sb="11" eb="13">
      <t>キテイ</t>
    </rPh>
    <phoneticPr fontId="1"/>
  </si>
  <si>
    <t>⑧</t>
    <phoneticPr fontId="1"/>
  </si>
  <si>
    <t>⑨</t>
    <phoneticPr fontId="1"/>
  </si>
  <si>
    <t>⑩</t>
    <phoneticPr fontId="1"/>
  </si>
  <si>
    <t>地震防災対策強化地域に指定された市町村（平塚市、小田原市、茅ヶ崎市、秦野市、厚木市、伊勢原市、海老名市、南足柄市、高座郡、中郡、足柄上郡及び足柄下郡）に立地する場合、地震防災応急計画を作成している。</t>
    <rPh sb="0" eb="10">
      <t>ジシンボウサイタイサクキョウカチイキ</t>
    </rPh>
    <rPh sb="11" eb="13">
      <t>シテイ</t>
    </rPh>
    <rPh sb="16" eb="19">
      <t>シチョウソン</t>
    </rPh>
    <rPh sb="20" eb="23">
      <t>ヒラツカシ</t>
    </rPh>
    <rPh sb="24" eb="28">
      <t>オダワラシ</t>
    </rPh>
    <rPh sb="29" eb="33">
      <t>チガサキシ</t>
    </rPh>
    <rPh sb="34" eb="37">
      <t>ハダノシ</t>
    </rPh>
    <rPh sb="38" eb="41">
      <t>アツギシ</t>
    </rPh>
    <rPh sb="42" eb="46">
      <t>イセハラシ</t>
    </rPh>
    <rPh sb="47" eb="51">
      <t>エビナシ</t>
    </rPh>
    <rPh sb="52" eb="56">
      <t>ミナミアシガラシ</t>
    </rPh>
    <rPh sb="57" eb="59">
      <t>コウザ</t>
    </rPh>
    <rPh sb="59" eb="60">
      <t>グン</t>
    </rPh>
    <rPh sb="61" eb="63">
      <t>ナカグン</t>
    </rPh>
    <rPh sb="64" eb="68">
      <t>アシガラカミグン</t>
    </rPh>
    <rPh sb="68" eb="69">
      <t>オヨ</t>
    </rPh>
    <rPh sb="70" eb="74">
      <t>アシガラシモグン</t>
    </rPh>
    <rPh sb="76" eb="78">
      <t>リッチ</t>
    </rPh>
    <rPh sb="80" eb="82">
      <t>バアイ</t>
    </rPh>
    <rPh sb="83" eb="85">
      <t>ジシン</t>
    </rPh>
    <rPh sb="85" eb="87">
      <t>ボウサイ</t>
    </rPh>
    <rPh sb="87" eb="89">
      <t>オウキュウ</t>
    </rPh>
    <rPh sb="89" eb="91">
      <t>ケイカク</t>
    </rPh>
    <rPh sb="92" eb="94">
      <t>サクセイ</t>
    </rPh>
    <phoneticPr fontId="1"/>
  </si>
  <si>
    <t>ライフライン等のが寸断された場合の対策状況を確認するとともに、飲料水、食料等の備蓄など必要な対策を行っている。</t>
    <rPh sb="6" eb="7">
      <t>ナド</t>
    </rPh>
    <rPh sb="9" eb="11">
      <t>スンダン</t>
    </rPh>
    <rPh sb="14" eb="16">
      <t>バアイ</t>
    </rPh>
    <rPh sb="17" eb="19">
      <t>タイサク</t>
    </rPh>
    <rPh sb="19" eb="21">
      <t>ジョウキョウ</t>
    </rPh>
    <rPh sb="22" eb="24">
      <t>カクニン</t>
    </rPh>
    <rPh sb="31" eb="34">
      <t>インリョウスイ</t>
    </rPh>
    <rPh sb="35" eb="37">
      <t>ショクリョウ</t>
    </rPh>
    <rPh sb="37" eb="38">
      <t>ナド</t>
    </rPh>
    <rPh sb="39" eb="41">
      <t>ビチク</t>
    </rPh>
    <rPh sb="43" eb="45">
      <t>ヒツヨウ</t>
    </rPh>
    <rPh sb="46" eb="48">
      <t>タイサク</t>
    </rPh>
    <rPh sb="49" eb="50">
      <t>オコナ</t>
    </rPh>
    <phoneticPr fontId="1"/>
  </si>
  <si>
    <t>②</t>
    <phoneticPr fontId="1"/>
  </si>
  <si>
    <t>介護に直接携わる職員に対し、認知症介護基礎研修を受講させるための必要な措置を講じている。</t>
    <rPh sb="0" eb="2">
      <t>カイゴ</t>
    </rPh>
    <rPh sb="3" eb="6">
      <t>チョクセツタズサ</t>
    </rPh>
    <rPh sb="8" eb="10">
      <t>ショクイン</t>
    </rPh>
    <rPh sb="11" eb="12">
      <t>タイ</t>
    </rPh>
    <rPh sb="14" eb="17">
      <t>ニンチショウ</t>
    </rPh>
    <rPh sb="17" eb="19">
      <t>カイゴ</t>
    </rPh>
    <rPh sb="19" eb="21">
      <t>キソ</t>
    </rPh>
    <rPh sb="21" eb="23">
      <t>ケンシュウ</t>
    </rPh>
    <rPh sb="24" eb="26">
      <t>ジュコウ</t>
    </rPh>
    <rPh sb="32" eb="34">
      <t>ヒツヨウ</t>
    </rPh>
    <rPh sb="35" eb="37">
      <t>ソチ</t>
    </rPh>
    <rPh sb="38" eb="39">
      <t>コウ</t>
    </rPh>
    <phoneticPr fontId="1"/>
  </si>
  <si>
    <t>感染症の予防及びまん延防止のために、次の措置を講じている。
・感染症の予防及びまん延の防止のための対策を検討する委員会を概ね６月に１回以上開催するとともに、その結果を職員に周知徹底している。
・感染症及びまん延の防止のための指針を整備している。
・職員に対し、感染症の予防及びまん延防止のための研修及び訓練を定期的に実施している。</t>
    <rPh sb="0" eb="3">
      <t>カンセンショウ</t>
    </rPh>
    <rPh sb="4" eb="6">
      <t>ヨボウ</t>
    </rPh>
    <rPh sb="6" eb="7">
      <t>オヨ</t>
    </rPh>
    <rPh sb="10" eb="11">
      <t>エン</t>
    </rPh>
    <rPh sb="11" eb="13">
      <t>ボウシ</t>
    </rPh>
    <rPh sb="18" eb="19">
      <t>ツギ</t>
    </rPh>
    <rPh sb="20" eb="22">
      <t>ソチ</t>
    </rPh>
    <rPh sb="23" eb="24">
      <t>コウ</t>
    </rPh>
    <rPh sb="31" eb="34">
      <t>カンセンショウ</t>
    </rPh>
    <rPh sb="35" eb="37">
      <t>ヨボウ</t>
    </rPh>
    <rPh sb="37" eb="38">
      <t>オヨ</t>
    </rPh>
    <rPh sb="41" eb="42">
      <t>エン</t>
    </rPh>
    <rPh sb="43" eb="45">
      <t>ボウシ</t>
    </rPh>
    <rPh sb="49" eb="51">
      <t>タイサク</t>
    </rPh>
    <rPh sb="52" eb="54">
      <t>ケントウ</t>
    </rPh>
    <rPh sb="56" eb="59">
      <t>イインカイ</t>
    </rPh>
    <rPh sb="60" eb="61">
      <t>オオム</t>
    </rPh>
    <rPh sb="63" eb="64">
      <t>ガツ</t>
    </rPh>
    <rPh sb="66" eb="67">
      <t>カイ</t>
    </rPh>
    <rPh sb="67" eb="69">
      <t>イジョウ</t>
    </rPh>
    <rPh sb="69" eb="71">
      <t>カイサイ</t>
    </rPh>
    <rPh sb="80" eb="82">
      <t>ケッカ</t>
    </rPh>
    <rPh sb="83" eb="85">
      <t>ショクイン</t>
    </rPh>
    <rPh sb="86" eb="90">
      <t>シュウチテッテイ</t>
    </rPh>
    <rPh sb="97" eb="100">
      <t>カンセンショウ</t>
    </rPh>
    <rPh sb="100" eb="101">
      <t>オヨ</t>
    </rPh>
    <rPh sb="104" eb="105">
      <t>エン</t>
    </rPh>
    <rPh sb="106" eb="108">
      <t>ボウシ</t>
    </rPh>
    <rPh sb="112" eb="114">
      <t>シシン</t>
    </rPh>
    <rPh sb="115" eb="117">
      <t>セイビ</t>
    </rPh>
    <rPh sb="124" eb="126">
      <t>ショクイン</t>
    </rPh>
    <rPh sb="127" eb="128">
      <t>タイ</t>
    </rPh>
    <rPh sb="130" eb="133">
      <t>カンセンショウ</t>
    </rPh>
    <rPh sb="134" eb="136">
      <t>ヨボウ</t>
    </rPh>
    <rPh sb="136" eb="137">
      <t>オヨ</t>
    </rPh>
    <rPh sb="140" eb="141">
      <t>エン</t>
    </rPh>
    <rPh sb="141" eb="143">
      <t>ボウシ</t>
    </rPh>
    <rPh sb="147" eb="149">
      <t>ケンシュウ</t>
    </rPh>
    <rPh sb="149" eb="150">
      <t>オヨ</t>
    </rPh>
    <rPh sb="151" eb="153">
      <t>クンレン</t>
    </rPh>
    <rPh sb="154" eb="157">
      <t>テイキテキ</t>
    </rPh>
    <rPh sb="158" eb="160">
      <t>ジッシ</t>
    </rPh>
    <phoneticPr fontId="1"/>
  </si>
  <si>
    <t>⑤</t>
    <phoneticPr fontId="1"/>
  </si>
  <si>
    <t>個人根保証契約を行う場合、極度額の設定を含み民法の規定に従っている。</t>
    <rPh sb="0" eb="7">
      <t>コジンネホショウケイヤク</t>
    </rPh>
    <rPh sb="8" eb="9">
      <t>オコナ</t>
    </rPh>
    <rPh sb="10" eb="12">
      <t>バアイ</t>
    </rPh>
    <rPh sb="13" eb="16">
      <t>キョクドガク</t>
    </rPh>
    <rPh sb="17" eb="19">
      <t>セッテイ</t>
    </rPh>
    <rPh sb="20" eb="21">
      <t>フク</t>
    </rPh>
    <rPh sb="22" eb="24">
      <t>ミンポウ</t>
    </rPh>
    <rPh sb="25" eb="27">
      <t>キテイ</t>
    </rPh>
    <rPh sb="28" eb="29">
      <t>シタガ</t>
    </rPh>
    <phoneticPr fontId="1"/>
  </si>
  <si>
    <t>高齢者に適した食事を提供している。</t>
    <rPh sb="0" eb="3">
      <t>コウレイシャ</t>
    </rPh>
    <rPh sb="4" eb="5">
      <t>テキ</t>
    </rPh>
    <rPh sb="7" eb="9">
      <t>ショクジ</t>
    </rPh>
    <rPh sb="10" eb="12">
      <t>テイキョウ</t>
    </rPh>
    <phoneticPr fontId="5"/>
  </si>
  <si>
    <t>次の事項について努めている。
・献立表は、入居者の目に触れやすい場所に掲示している。
・入居者の健康状態並びに咀嚼能力及び摂取能力等に応じた食事を提供している。
・治療職の提供が必要な入居者に対しては、医師や栄養士の指導による治療食を提供している。
・要介護者等について、可能な限り離床して、食堂で食事を摂ることを支援している。
・食堂での食事が困難な入居者に対しては、居室での食事提供等の配慮を行っている。</t>
    <rPh sb="0" eb="1">
      <t>ツギ</t>
    </rPh>
    <rPh sb="2" eb="4">
      <t>ジコウ</t>
    </rPh>
    <rPh sb="8" eb="9">
      <t>ツト</t>
    </rPh>
    <rPh sb="16" eb="18">
      <t>コンダテ</t>
    </rPh>
    <rPh sb="18" eb="19">
      <t>ヒョウ</t>
    </rPh>
    <rPh sb="21" eb="24">
      <t>ニュウキョシャ</t>
    </rPh>
    <rPh sb="25" eb="26">
      <t>メ</t>
    </rPh>
    <rPh sb="27" eb="28">
      <t>フ</t>
    </rPh>
    <rPh sb="32" eb="34">
      <t>バショ</t>
    </rPh>
    <rPh sb="35" eb="37">
      <t>ケイジ</t>
    </rPh>
    <rPh sb="44" eb="47">
      <t>ニュウキョシャ</t>
    </rPh>
    <rPh sb="48" eb="50">
      <t>ケンコウ</t>
    </rPh>
    <rPh sb="50" eb="52">
      <t>ジョウタイ</t>
    </rPh>
    <rPh sb="52" eb="53">
      <t>ナラ</t>
    </rPh>
    <rPh sb="55" eb="57">
      <t>ソシャク</t>
    </rPh>
    <rPh sb="57" eb="59">
      <t>ノウリョク</t>
    </rPh>
    <rPh sb="59" eb="60">
      <t>オヨ</t>
    </rPh>
    <rPh sb="61" eb="63">
      <t>セッシュ</t>
    </rPh>
    <rPh sb="63" eb="65">
      <t>ノウリョク</t>
    </rPh>
    <rPh sb="65" eb="66">
      <t>ナド</t>
    </rPh>
    <rPh sb="67" eb="68">
      <t>オウ</t>
    </rPh>
    <rPh sb="70" eb="72">
      <t>ショクジ</t>
    </rPh>
    <rPh sb="73" eb="75">
      <t>テイキョウ</t>
    </rPh>
    <rPh sb="82" eb="84">
      <t>チリョウ</t>
    </rPh>
    <rPh sb="84" eb="85">
      <t>ショク</t>
    </rPh>
    <rPh sb="86" eb="88">
      <t>テイキョウ</t>
    </rPh>
    <rPh sb="89" eb="91">
      <t>ヒツヨウ</t>
    </rPh>
    <rPh sb="92" eb="95">
      <t>ニュウキョシャ</t>
    </rPh>
    <rPh sb="96" eb="97">
      <t>タイ</t>
    </rPh>
    <rPh sb="101" eb="103">
      <t>イシ</t>
    </rPh>
    <rPh sb="104" eb="107">
      <t>エイヨウシ</t>
    </rPh>
    <rPh sb="108" eb="110">
      <t>シドウ</t>
    </rPh>
    <rPh sb="166" eb="168">
      <t>ショクドウ</t>
    </rPh>
    <rPh sb="170" eb="172">
      <t>ショクジ</t>
    </rPh>
    <rPh sb="173" eb="175">
      <t>コンナン</t>
    </rPh>
    <rPh sb="176" eb="179">
      <t>ニュウキョシャ</t>
    </rPh>
    <rPh sb="180" eb="181">
      <t>タイ</t>
    </rPh>
    <rPh sb="185" eb="187">
      <t>キョシツ</t>
    </rPh>
    <rPh sb="189" eb="193">
      <t>ショクジテイキョウ</t>
    </rPh>
    <rPh sb="193" eb="194">
      <t>ナド</t>
    </rPh>
    <rPh sb="195" eb="197">
      <t>ハイリョ</t>
    </rPh>
    <rPh sb="198" eb="199">
      <t>オコナ</t>
    </rPh>
    <phoneticPr fontId="5"/>
  </si>
  <si>
    <t>入居時に心身の健康状態等について調査を行っている。</t>
    <rPh sb="0" eb="2">
      <t>ニュウキョ</t>
    </rPh>
    <rPh sb="2" eb="3">
      <t>ジ</t>
    </rPh>
    <rPh sb="4" eb="6">
      <t>シンシン</t>
    </rPh>
    <rPh sb="7" eb="11">
      <t>ケンコウジョウタイ</t>
    </rPh>
    <rPh sb="11" eb="12">
      <t>ナド</t>
    </rPh>
    <rPh sb="16" eb="18">
      <t>チョウサ</t>
    </rPh>
    <rPh sb="19" eb="20">
      <t>オコナ</t>
    </rPh>
    <phoneticPr fontId="5"/>
  </si>
  <si>
    <t>入居後は入居者の各種の相談に応じるとともに適切な助言等を行っている。</t>
    <rPh sb="0" eb="2">
      <t>ニュウキョ</t>
    </rPh>
    <rPh sb="2" eb="3">
      <t>ゴ</t>
    </rPh>
    <rPh sb="4" eb="7">
      <t>ニュウキョシャ</t>
    </rPh>
    <rPh sb="8" eb="10">
      <t>カクシュ</t>
    </rPh>
    <rPh sb="11" eb="13">
      <t>ソウダン</t>
    </rPh>
    <rPh sb="14" eb="15">
      <t>オウ</t>
    </rPh>
    <rPh sb="21" eb="23">
      <t>テキセツ</t>
    </rPh>
    <rPh sb="24" eb="26">
      <t>ジョゲン</t>
    </rPh>
    <rPh sb="26" eb="27">
      <t>ナド</t>
    </rPh>
    <rPh sb="28" eb="29">
      <t>オコナ</t>
    </rPh>
    <phoneticPr fontId="5"/>
  </si>
  <si>
    <t>サービスマニュアル等において健康管理基準を定め、定期健康診断、医師の訪問による健康相談や診察、看護職員による体温・脈拍・血圧の測定等の健康管理について、頻度、方法及び内容等を規定している。</t>
    <rPh sb="9" eb="10">
      <t>ナド</t>
    </rPh>
    <rPh sb="14" eb="16">
      <t>ケンコウ</t>
    </rPh>
    <rPh sb="16" eb="18">
      <t>カンリ</t>
    </rPh>
    <rPh sb="18" eb="20">
      <t>キジュン</t>
    </rPh>
    <rPh sb="21" eb="22">
      <t>サダ</t>
    </rPh>
    <rPh sb="24" eb="26">
      <t>テイキ</t>
    </rPh>
    <rPh sb="26" eb="28">
      <t>ケンコウ</t>
    </rPh>
    <rPh sb="28" eb="30">
      <t>シンダン</t>
    </rPh>
    <rPh sb="31" eb="33">
      <t>イシ</t>
    </rPh>
    <rPh sb="34" eb="36">
      <t>ホウモン</t>
    </rPh>
    <rPh sb="39" eb="41">
      <t>ケンコウ</t>
    </rPh>
    <rPh sb="41" eb="43">
      <t>ソウダン</t>
    </rPh>
    <rPh sb="44" eb="46">
      <t>シンサツ</t>
    </rPh>
    <rPh sb="47" eb="49">
      <t>カンゴ</t>
    </rPh>
    <rPh sb="49" eb="51">
      <t>ショクイン</t>
    </rPh>
    <rPh sb="54" eb="56">
      <t>タイオン</t>
    </rPh>
    <rPh sb="57" eb="59">
      <t>ミャクハク</t>
    </rPh>
    <rPh sb="60" eb="62">
      <t>ケツアツ</t>
    </rPh>
    <rPh sb="63" eb="65">
      <t>ソクテイ</t>
    </rPh>
    <rPh sb="65" eb="66">
      <t>ナド</t>
    </rPh>
    <rPh sb="67" eb="69">
      <t>ケンコウ</t>
    </rPh>
    <rPh sb="69" eb="71">
      <t>カンリ</t>
    </rPh>
    <rPh sb="76" eb="78">
      <t>ヒンド</t>
    </rPh>
    <rPh sb="79" eb="81">
      <t>ホウホウ</t>
    </rPh>
    <rPh sb="81" eb="82">
      <t>オヨ</t>
    </rPh>
    <rPh sb="83" eb="85">
      <t>ナイヨウ</t>
    </rPh>
    <rPh sb="85" eb="86">
      <t>ナド</t>
    </rPh>
    <rPh sb="87" eb="89">
      <t>キテイ</t>
    </rPh>
    <phoneticPr fontId="5"/>
  </si>
  <si>
    <t>入居者の希望に応じて健康診断が受けられるよう支援するとともに、常に入居者の健康の状況に注意し、医師の指導のもとに、必要に応じて健康保持のための適切な措置をとっている。</t>
    <rPh sb="0" eb="3">
      <t>ニュウキョシャ</t>
    </rPh>
    <rPh sb="4" eb="6">
      <t>キボウ</t>
    </rPh>
    <rPh sb="7" eb="8">
      <t>オウ</t>
    </rPh>
    <rPh sb="10" eb="14">
      <t>ケンコウシンダン</t>
    </rPh>
    <rPh sb="15" eb="16">
      <t>ウ</t>
    </rPh>
    <rPh sb="22" eb="24">
      <t>シエン</t>
    </rPh>
    <rPh sb="31" eb="32">
      <t>ツネ</t>
    </rPh>
    <rPh sb="33" eb="36">
      <t>ニュウキョシャ</t>
    </rPh>
    <rPh sb="37" eb="39">
      <t>ケンコウ</t>
    </rPh>
    <rPh sb="40" eb="42">
      <t>ジョウキョウ</t>
    </rPh>
    <rPh sb="43" eb="45">
      <t>チュウイ</t>
    </rPh>
    <rPh sb="47" eb="49">
      <t>イシ</t>
    </rPh>
    <rPh sb="50" eb="52">
      <t>シドウ</t>
    </rPh>
    <rPh sb="57" eb="59">
      <t>ヒツヨウ</t>
    </rPh>
    <rPh sb="60" eb="61">
      <t>オウ</t>
    </rPh>
    <rPh sb="63" eb="65">
      <t>ケンコウ</t>
    </rPh>
    <rPh sb="65" eb="67">
      <t>ホジ</t>
    </rPh>
    <rPh sb="71" eb="73">
      <t>テキセツ</t>
    </rPh>
    <rPh sb="74" eb="76">
      <t>ソチ</t>
    </rPh>
    <phoneticPr fontId="5"/>
  </si>
  <si>
    <t>③</t>
    <phoneticPr fontId="1"/>
  </si>
  <si>
    <t>④</t>
    <phoneticPr fontId="1"/>
  </si>
  <si>
    <t>入居者が一時的疾病等のため日常生活に支障がある場合、介助等日常生活の世話を行っている。</t>
    <rPh sb="0" eb="3">
      <t>ニュウキョシャ</t>
    </rPh>
    <rPh sb="4" eb="7">
      <t>イチジテキ</t>
    </rPh>
    <rPh sb="7" eb="9">
      <t>シツビョウ</t>
    </rPh>
    <rPh sb="9" eb="10">
      <t>ナド</t>
    </rPh>
    <rPh sb="13" eb="15">
      <t>ニチジョウ</t>
    </rPh>
    <rPh sb="15" eb="17">
      <t>セイカツ</t>
    </rPh>
    <rPh sb="18" eb="20">
      <t>シショウ</t>
    </rPh>
    <rPh sb="23" eb="25">
      <t>バアイ</t>
    </rPh>
    <rPh sb="26" eb="28">
      <t>カイジョ</t>
    </rPh>
    <rPh sb="28" eb="29">
      <t>ナド</t>
    </rPh>
    <rPh sb="29" eb="33">
      <t>ニチジョウセイカツ</t>
    </rPh>
    <rPh sb="34" eb="36">
      <t>セワ</t>
    </rPh>
    <rPh sb="37" eb="38">
      <t>オコナ</t>
    </rPh>
    <phoneticPr fontId="1"/>
  </si>
  <si>
    <t>契約内容に基づき、居室において入居者の自立を支援するという観点に立ってサービスを提供するとともに、常時介護に対応できる職員の勤務体制をとっている。</t>
    <rPh sb="0" eb="2">
      <t>ケイヤク</t>
    </rPh>
    <rPh sb="2" eb="4">
      <t>ナイヨウ</t>
    </rPh>
    <rPh sb="5" eb="6">
      <t>モト</t>
    </rPh>
    <rPh sb="9" eb="11">
      <t>キョシツ</t>
    </rPh>
    <rPh sb="15" eb="18">
      <t>ニュウキョシャ</t>
    </rPh>
    <rPh sb="19" eb="21">
      <t>ジリツ</t>
    </rPh>
    <rPh sb="22" eb="24">
      <t>シエン</t>
    </rPh>
    <rPh sb="29" eb="31">
      <t>カンテン</t>
    </rPh>
    <rPh sb="32" eb="33">
      <t>タ</t>
    </rPh>
    <rPh sb="40" eb="42">
      <t>テイキョウ</t>
    </rPh>
    <rPh sb="49" eb="51">
      <t>ジョウジ</t>
    </rPh>
    <rPh sb="51" eb="53">
      <t>カイゴ</t>
    </rPh>
    <rPh sb="54" eb="56">
      <t>タイオウ</t>
    </rPh>
    <rPh sb="59" eb="61">
      <t>ショクイン</t>
    </rPh>
    <rPh sb="62" eb="64">
      <t>キンム</t>
    </rPh>
    <rPh sb="64" eb="66">
      <t>タイセイ</t>
    </rPh>
    <phoneticPr fontId="1"/>
  </si>
  <si>
    <t>入居者の心身の状況に応じて、医師や看護職員との連携を十分に図りながら、適切な技術をもって介護サービスを行っている。</t>
    <rPh sb="0" eb="3">
      <t>ニュウキョシャ</t>
    </rPh>
    <rPh sb="4" eb="6">
      <t>シンシン</t>
    </rPh>
    <rPh sb="7" eb="9">
      <t>ジョウキョウ</t>
    </rPh>
    <rPh sb="10" eb="11">
      <t>オウ</t>
    </rPh>
    <rPh sb="14" eb="16">
      <t>イシ</t>
    </rPh>
    <rPh sb="17" eb="19">
      <t>カンゴ</t>
    </rPh>
    <rPh sb="19" eb="21">
      <t>ショクイン</t>
    </rPh>
    <rPh sb="23" eb="25">
      <t>レンケイ</t>
    </rPh>
    <rPh sb="26" eb="28">
      <t>ジュウブン</t>
    </rPh>
    <rPh sb="29" eb="30">
      <t>ハカ</t>
    </rPh>
    <rPh sb="35" eb="37">
      <t>テキセツ</t>
    </rPh>
    <rPh sb="38" eb="40">
      <t>ギジュツ</t>
    </rPh>
    <rPh sb="44" eb="46">
      <t>カイゴ</t>
    </rPh>
    <rPh sb="51" eb="52">
      <t>オコナ</t>
    </rPh>
    <phoneticPr fontId="5"/>
  </si>
  <si>
    <t>食事の介護が必要な場合、健康状態や接種能力等に十分留意するとともに、必要に応じて医師や看護職員の指導を受け、適切な方法で行っている。</t>
    <rPh sb="0" eb="2">
      <t>ショクジ</t>
    </rPh>
    <rPh sb="3" eb="5">
      <t>カイゴ</t>
    </rPh>
    <rPh sb="6" eb="8">
      <t>ヒツヨウ</t>
    </rPh>
    <rPh sb="9" eb="11">
      <t>バアイ</t>
    </rPh>
    <rPh sb="12" eb="14">
      <t>ケンコウ</t>
    </rPh>
    <rPh sb="14" eb="16">
      <t>ジョウタイ</t>
    </rPh>
    <rPh sb="17" eb="19">
      <t>セッシュ</t>
    </rPh>
    <rPh sb="19" eb="21">
      <t>ノウリョク</t>
    </rPh>
    <rPh sb="21" eb="22">
      <t>ナド</t>
    </rPh>
    <rPh sb="23" eb="25">
      <t>ジュウブン</t>
    </rPh>
    <rPh sb="25" eb="27">
      <t>リュウイ</t>
    </rPh>
    <rPh sb="34" eb="36">
      <t>ヒツヨウ</t>
    </rPh>
    <rPh sb="37" eb="38">
      <t>オウ</t>
    </rPh>
    <rPh sb="40" eb="42">
      <t>イシ</t>
    </rPh>
    <rPh sb="43" eb="45">
      <t>カンゴ</t>
    </rPh>
    <rPh sb="45" eb="47">
      <t>ショクイン</t>
    </rPh>
    <rPh sb="48" eb="50">
      <t>シドウ</t>
    </rPh>
    <rPh sb="51" eb="52">
      <t>ウ</t>
    </rPh>
    <rPh sb="54" eb="56">
      <t>テキセツ</t>
    </rPh>
    <rPh sb="57" eb="59">
      <t>ホウホウ</t>
    </rPh>
    <rPh sb="60" eb="61">
      <t>オコナ</t>
    </rPh>
    <phoneticPr fontId="1"/>
  </si>
  <si>
    <t>入浴の介護が必要な場合、週２回以上入浴できる機会を確保するとともに、健康状態により入浴が適切でないときは、必要に応じて清拭を行っている。</t>
    <rPh sb="0" eb="2">
      <t>ニュウヨク</t>
    </rPh>
    <rPh sb="3" eb="5">
      <t>カイゴ</t>
    </rPh>
    <rPh sb="6" eb="8">
      <t>ヒツヨウ</t>
    </rPh>
    <rPh sb="9" eb="11">
      <t>バアイ</t>
    </rPh>
    <rPh sb="12" eb="13">
      <t>シュウ</t>
    </rPh>
    <rPh sb="14" eb="15">
      <t>カイ</t>
    </rPh>
    <rPh sb="15" eb="17">
      <t>イジョウ</t>
    </rPh>
    <rPh sb="17" eb="19">
      <t>ニュウヨク</t>
    </rPh>
    <rPh sb="22" eb="24">
      <t>キカイ</t>
    </rPh>
    <rPh sb="25" eb="27">
      <t>カクホ</t>
    </rPh>
    <rPh sb="34" eb="36">
      <t>ケンコウ</t>
    </rPh>
    <rPh sb="36" eb="38">
      <t>ジョウタイ</t>
    </rPh>
    <rPh sb="41" eb="43">
      <t>ニュウヨク</t>
    </rPh>
    <rPh sb="44" eb="46">
      <t>テキセツ</t>
    </rPh>
    <rPh sb="53" eb="55">
      <t>ヒツヨウ</t>
    </rPh>
    <rPh sb="56" eb="57">
      <t>オウ</t>
    </rPh>
    <rPh sb="59" eb="60">
      <t>キヨ</t>
    </rPh>
    <rPh sb="60" eb="61">
      <t>ヌグ</t>
    </rPh>
    <rPh sb="62" eb="63">
      <t>オコナ</t>
    </rPh>
    <phoneticPr fontId="1"/>
  </si>
  <si>
    <t>排せつの介護が必要な場合、できる限り自立に向けて援助を行うとともに、おもつを使用せざるを得ないときは適切に取り替えている。</t>
    <rPh sb="0" eb="1">
      <t>ハイ</t>
    </rPh>
    <rPh sb="4" eb="6">
      <t>カイゴ</t>
    </rPh>
    <rPh sb="7" eb="9">
      <t>ヒツヨウ</t>
    </rPh>
    <rPh sb="10" eb="12">
      <t>バアイ</t>
    </rPh>
    <rPh sb="16" eb="17">
      <t>カギ</t>
    </rPh>
    <rPh sb="18" eb="20">
      <t>ジリツ</t>
    </rPh>
    <rPh sb="21" eb="22">
      <t>ム</t>
    </rPh>
    <rPh sb="24" eb="26">
      <t>エンジョ</t>
    </rPh>
    <rPh sb="27" eb="28">
      <t>オコナ</t>
    </rPh>
    <rPh sb="38" eb="40">
      <t>シヨウ</t>
    </rPh>
    <rPh sb="44" eb="45">
      <t>エ</t>
    </rPh>
    <rPh sb="50" eb="52">
      <t>テキセツ</t>
    </rPh>
    <rPh sb="53" eb="54">
      <t>ト</t>
    </rPh>
    <rPh sb="55" eb="56">
      <t>カ</t>
    </rPh>
    <phoneticPr fontId="1"/>
  </si>
  <si>
    <t>介護サービスの内容及び入居者の生活状況等について、介護記録として整理し、保存するとともに、主治医との連携を十分図っている。</t>
    <rPh sb="0" eb="2">
      <t>カイゴ</t>
    </rPh>
    <rPh sb="7" eb="9">
      <t>ナイヨウ</t>
    </rPh>
    <rPh sb="9" eb="10">
      <t>オヨ</t>
    </rPh>
    <rPh sb="11" eb="14">
      <t>ニュウキョシャ</t>
    </rPh>
    <rPh sb="15" eb="17">
      <t>セイカツ</t>
    </rPh>
    <rPh sb="17" eb="19">
      <t>ジョウキョウ</t>
    </rPh>
    <rPh sb="19" eb="20">
      <t>ナド</t>
    </rPh>
    <rPh sb="25" eb="27">
      <t>カイゴ</t>
    </rPh>
    <rPh sb="27" eb="29">
      <t>キロク</t>
    </rPh>
    <rPh sb="32" eb="34">
      <t>セイリ</t>
    </rPh>
    <rPh sb="36" eb="38">
      <t>ホゾン</t>
    </rPh>
    <rPh sb="45" eb="48">
      <t>シュジイ</t>
    </rPh>
    <rPh sb="50" eb="52">
      <t>レンケイ</t>
    </rPh>
    <rPh sb="53" eb="55">
      <t>ジュウブン</t>
    </rPh>
    <rPh sb="55" eb="56">
      <t>ハカ</t>
    </rPh>
    <phoneticPr fontId="1"/>
  </si>
  <si>
    <t>入居者が居住部分への訪問による安否確認や状況把握を希望しない場合、電話、居住部分内での入居者の動体を把握できる装置による確認、食事サービスの提供時における確認等その他の適切な方法により、毎日１回以上、安否確認等を実施している。</t>
    <rPh sb="0" eb="3">
      <t>ニュウキョシャ</t>
    </rPh>
    <rPh sb="4" eb="6">
      <t>キョジュウ</t>
    </rPh>
    <rPh sb="6" eb="8">
      <t>ブブン</t>
    </rPh>
    <rPh sb="10" eb="12">
      <t>ホウモン</t>
    </rPh>
    <rPh sb="15" eb="17">
      <t>アンピ</t>
    </rPh>
    <rPh sb="17" eb="19">
      <t>カクニン</t>
    </rPh>
    <rPh sb="20" eb="22">
      <t>ジョウキョウ</t>
    </rPh>
    <rPh sb="22" eb="24">
      <t>ハアク</t>
    </rPh>
    <rPh sb="25" eb="27">
      <t>キボウ</t>
    </rPh>
    <rPh sb="30" eb="32">
      <t>バアイ</t>
    </rPh>
    <rPh sb="33" eb="35">
      <t>デンワ</t>
    </rPh>
    <rPh sb="36" eb="38">
      <t>キョジュウ</t>
    </rPh>
    <rPh sb="38" eb="40">
      <t>ブブン</t>
    </rPh>
    <rPh sb="40" eb="41">
      <t>ナイ</t>
    </rPh>
    <rPh sb="43" eb="46">
      <t>ニュウキョシャ</t>
    </rPh>
    <rPh sb="47" eb="49">
      <t>ドウタイ</t>
    </rPh>
    <rPh sb="50" eb="52">
      <t>ハアク</t>
    </rPh>
    <rPh sb="55" eb="57">
      <t>ソウチ</t>
    </rPh>
    <rPh sb="60" eb="62">
      <t>カクニン</t>
    </rPh>
    <rPh sb="63" eb="65">
      <t>ショクジ</t>
    </rPh>
    <rPh sb="70" eb="72">
      <t>テイキョウ</t>
    </rPh>
    <rPh sb="72" eb="73">
      <t>ジ</t>
    </rPh>
    <rPh sb="77" eb="79">
      <t>カクニン</t>
    </rPh>
    <rPh sb="79" eb="80">
      <t>ナド</t>
    </rPh>
    <rPh sb="82" eb="83">
      <t>タ</t>
    </rPh>
    <rPh sb="84" eb="86">
      <t>テキセツ</t>
    </rPh>
    <rPh sb="87" eb="89">
      <t>ホウホウ</t>
    </rPh>
    <rPh sb="93" eb="95">
      <t>マイニチ</t>
    </rPh>
    <rPh sb="96" eb="99">
      <t>カイイジョウ</t>
    </rPh>
    <rPh sb="100" eb="102">
      <t>アンピ</t>
    </rPh>
    <rPh sb="102" eb="104">
      <t>カクニン</t>
    </rPh>
    <rPh sb="104" eb="105">
      <t>ナド</t>
    </rPh>
    <rPh sb="106" eb="108">
      <t>ジッシ</t>
    </rPh>
    <phoneticPr fontId="1"/>
  </si>
  <si>
    <t>安否確認等の実施方法等については、運営懇談会その他の機会を通じて入居者の意向の確認、意見交換等を行い、できる限りそれを尊重したものとしている。</t>
    <rPh sb="0" eb="4">
      <t>アンピカクニン</t>
    </rPh>
    <rPh sb="4" eb="5">
      <t>ナド</t>
    </rPh>
    <rPh sb="6" eb="8">
      <t>ジッシ</t>
    </rPh>
    <rPh sb="8" eb="11">
      <t>ホウホウナド</t>
    </rPh>
    <rPh sb="17" eb="19">
      <t>ウンエイ</t>
    </rPh>
    <rPh sb="19" eb="22">
      <t>コンダンカイ</t>
    </rPh>
    <rPh sb="24" eb="25">
      <t>タ</t>
    </rPh>
    <rPh sb="26" eb="28">
      <t>キカイ</t>
    </rPh>
    <rPh sb="29" eb="30">
      <t>ツウ</t>
    </rPh>
    <rPh sb="32" eb="35">
      <t>ニュウキョシャ</t>
    </rPh>
    <rPh sb="36" eb="38">
      <t>イコウ</t>
    </rPh>
    <rPh sb="39" eb="41">
      <t>カクニン</t>
    </rPh>
    <rPh sb="42" eb="44">
      <t>イケン</t>
    </rPh>
    <rPh sb="44" eb="46">
      <t>コウカン</t>
    </rPh>
    <rPh sb="46" eb="47">
      <t>トウ</t>
    </rPh>
    <rPh sb="48" eb="49">
      <t>オコナ</t>
    </rPh>
    <rPh sb="54" eb="55">
      <t>カギ</t>
    </rPh>
    <rPh sb="59" eb="61">
      <t>ソンチョウ</t>
    </rPh>
    <phoneticPr fontId="1"/>
  </si>
  <si>
    <t>介護サービスを提供する有料老人ホームの場合、入居者の心身の状況等をふまえ、必要に応じて日常生活を送る上で必要な生活機能の改善又は維持のため機能訓練等を実施している。</t>
    <rPh sb="0" eb="2">
      <t>カイゴ</t>
    </rPh>
    <rPh sb="7" eb="9">
      <t>テイキョウ</t>
    </rPh>
    <rPh sb="11" eb="15">
      <t>ユウリョウロウジン</t>
    </rPh>
    <rPh sb="19" eb="21">
      <t>バアイ</t>
    </rPh>
    <rPh sb="22" eb="25">
      <t>ニュウキョシャ</t>
    </rPh>
    <rPh sb="26" eb="28">
      <t>シンシン</t>
    </rPh>
    <rPh sb="29" eb="31">
      <t>ジョウキョウ</t>
    </rPh>
    <rPh sb="31" eb="32">
      <t>ナド</t>
    </rPh>
    <rPh sb="37" eb="39">
      <t>ヒツヨウ</t>
    </rPh>
    <rPh sb="40" eb="41">
      <t>オウ</t>
    </rPh>
    <rPh sb="43" eb="45">
      <t>ニチジョウ</t>
    </rPh>
    <rPh sb="45" eb="47">
      <t>セイカツ</t>
    </rPh>
    <rPh sb="48" eb="49">
      <t>オク</t>
    </rPh>
    <rPh sb="50" eb="51">
      <t>ウエ</t>
    </rPh>
    <rPh sb="52" eb="54">
      <t>ヒツヨウ</t>
    </rPh>
    <rPh sb="55" eb="59">
      <t>セイカツキノウ</t>
    </rPh>
    <rPh sb="60" eb="62">
      <t>カイゼン</t>
    </rPh>
    <rPh sb="62" eb="63">
      <t>マタ</t>
    </rPh>
    <rPh sb="64" eb="66">
      <t>イジ</t>
    </rPh>
    <rPh sb="69" eb="71">
      <t>キノウ</t>
    </rPh>
    <rPh sb="71" eb="73">
      <t>クンレン</t>
    </rPh>
    <rPh sb="73" eb="74">
      <t>ナド</t>
    </rPh>
    <rPh sb="75" eb="77">
      <t>ジッシ</t>
    </rPh>
    <phoneticPr fontId="1"/>
  </si>
  <si>
    <t>入居者の要望を考慮し、運動、娯楽等のレクリエーションを実施している。</t>
    <rPh sb="0" eb="3">
      <t>ニュウキョシャ</t>
    </rPh>
    <rPh sb="4" eb="6">
      <t>ヨウボウ</t>
    </rPh>
    <rPh sb="7" eb="9">
      <t>コウリョ</t>
    </rPh>
    <rPh sb="11" eb="13">
      <t>ウンドウ</t>
    </rPh>
    <rPh sb="14" eb="16">
      <t>ゴラク</t>
    </rPh>
    <rPh sb="16" eb="17">
      <t>ナド</t>
    </rPh>
    <rPh sb="27" eb="29">
      <t>ジッシ</t>
    </rPh>
    <phoneticPr fontId="1"/>
  </si>
  <si>
    <t>常に入居者の家族との連携を図り、入居者とその家族との交流等の機会及び入居者の外出の機会を確保している。</t>
    <rPh sb="0" eb="1">
      <t>ツネ</t>
    </rPh>
    <rPh sb="2" eb="5">
      <t>ニュウキョシャ</t>
    </rPh>
    <rPh sb="6" eb="8">
      <t>カゾク</t>
    </rPh>
    <rPh sb="10" eb="12">
      <t>レンケイ</t>
    </rPh>
    <rPh sb="13" eb="14">
      <t>ハカ</t>
    </rPh>
    <rPh sb="16" eb="19">
      <t>ニュウキョシャ</t>
    </rPh>
    <rPh sb="22" eb="24">
      <t>カゾク</t>
    </rPh>
    <rPh sb="26" eb="28">
      <t>コウリュウ</t>
    </rPh>
    <rPh sb="28" eb="29">
      <t>ナド</t>
    </rPh>
    <rPh sb="30" eb="32">
      <t>キカイ</t>
    </rPh>
    <rPh sb="32" eb="33">
      <t>オヨ</t>
    </rPh>
    <rPh sb="34" eb="37">
      <t>ニュウキョシャ</t>
    </rPh>
    <rPh sb="38" eb="40">
      <t>ガイシュツ</t>
    </rPh>
    <rPh sb="41" eb="43">
      <t>キカイ</t>
    </rPh>
    <rPh sb="44" eb="46">
      <t>カクホ</t>
    </rPh>
    <phoneticPr fontId="1"/>
  </si>
  <si>
    <t>入居者の生活において必要な場合、家族・身元引受人等への連絡等所要の措置をとるとともに、入居者本人の意向に応じ、関連諸制度、諸施策の活用についても迅速かつ適切な措置をとっている。</t>
    <rPh sb="0" eb="3">
      <t>ニュウキョシャ</t>
    </rPh>
    <rPh sb="4" eb="6">
      <t>セイカツ</t>
    </rPh>
    <rPh sb="10" eb="12">
      <t>ヒツヨウ</t>
    </rPh>
    <rPh sb="13" eb="15">
      <t>バアイ</t>
    </rPh>
    <rPh sb="16" eb="18">
      <t>カゾク</t>
    </rPh>
    <rPh sb="19" eb="24">
      <t>ミモトヒキウケニン</t>
    </rPh>
    <rPh sb="24" eb="25">
      <t>ナド</t>
    </rPh>
    <rPh sb="27" eb="29">
      <t>レンラク</t>
    </rPh>
    <rPh sb="29" eb="30">
      <t>ナド</t>
    </rPh>
    <rPh sb="30" eb="32">
      <t>ショヨウ</t>
    </rPh>
    <rPh sb="33" eb="35">
      <t>ソチ</t>
    </rPh>
    <rPh sb="43" eb="46">
      <t>ニュウキョシャ</t>
    </rPh>
    <rPh sb="46" eb="48">
      <t>ホンニン</t>
    </rPh>
    <rPh sb="49" eb="51">
      <t>イコウ</t>
    </rPh>
    <rPh sb="52" eb="53">
      <t>オウ</t>
    </rPh>
    <rPh sb="55" eb="57">
      <t>カンレン</t>
    </rPh>
    <rPh sb="57" eb="60">
      <t>ショセイド</t>
    </rPh>
    <rPh sb="61" eb="62">
      <t>ショ</t>
    </rPh>
    <rPh sb="62" eb="63">
      <t>セ</t>
    </rPh>
    <rPh sb="63" eb="64">
      <t>サク</t>
    </rPh>
    <rPh sb="65" eb="67">
      <t>カツヨウ</t>
    </rPh>
    <rPh sb="72" eb="74">
      <t>ジンソク</t>
    </rPh>
    <rPh sb="76" eb="78">
      <t>テキセツ</t>
    </rPh>
    <rPh sb="79" eb="81">
      <t>ソチ</t>
    </rPh>
    <phoneticPr fontId="1"/>
  </si>
  <si>
    <t>要介護者等については、入居者の生活及び健康の状況並びにサービスの提供状況を家族・身元引受人等へ定期的に報告している。</t>
    <rPh sb="0" eb="1">
      <t>ヨウ</t>
    </rPh>
    <rPh sb="1" eb="4">
      <t>カイゴシャ</t>
    </rPh>
    <rPh sb="4" eb="5">
      <t>ナド</t>
    </rPh>
    <rPh sb="11" eb="14">
      <t>ニュウキョシャ</t>
    </rPh>
    <rPh sb="15" eb="17">
      <t>セイカツ</t>
    </rPh>
    <rPh sb="17" eb="18">
      <t>オヨ</t>
    </rPh>
    <rPh sb="19" eb="21">
      <t>ケンコウ</t>
    </rPh>
    <rPh sb="22" eb="24">
      <t>ジョウキョウ</t>
    </rPh>
    <rPh sb="24" eb="25">
      <t>ナラ</t>
    </rPh>
    <rPh sb="32" eb="34">
      <t>テイキョウ</t>
    </rPh>
    <rPh sb="34" eb="36">
      <t>ジョウキョウ</t>
    </rPh>
    <rPh sb="37" eb="39">
      <t>カゾク</t>
    </rPh>
    <rPh sb="40" eb="45">
      <t>ミモトヒキウケニン</t>
    </rPh>
    <rPh sb="45" eb="46">
      <t>ナド</t>
    </rPh>
    <rPh sb="47" eb="50">
      <t>テイキテキ</t>
    </rPh>
    <rPh sb="51" eb="53">
      <t>ホウコク</t>
    </rPh>
    <phoneticPr fontId="1"/>
  </si>
  <si>
    <t>入居者の金銭、預金等の管理は、原則入居者自身が行うこととしている。</t>
    <rPh sb="0" eb="3">
      <t>ニュウキョシャ</t>
    </rPh>
    <rPh sb="4" eb="6">
      <t>キンセン</t>
    </rPh>
    <rPh sb="7" eb="10">
      <t>ヨキンナド</t>
    </rPh>
    <rPh sb="11" eb="13">
      <t>カンリ</t>
    </rPh>
    <rPh sb="15" eb="17">
      <t>ゲンソク</t>
    </rPh>
    <rPh sb="17" eb="20">
      <t>ニュウキョシャ</t>
    </rPh>
    <rPh sb="20" eb="22">
      <t>ジシン</t>
    </rPh>
    <rPh sb="23" eb="24">
      <t>オコナ</t>
    </rPh>
    <phoneticPr fontId="1"/>
  </si>
  <si>
    <t>入居者の金銭等を管理する場合、依頼又は承諾を書面で確認するとともに、金銭等の具体的な管理方法、入居者本人又は身元引受人等への定期的報告等を管理規程等で定めている。</t>
    <rPh sb="0" eb="3">
      <t>ニュウキョシャ</t>
    </rPh>
    <rPh sb="4" eb="6">
      <t>キンセン</t>
    </rPh>
    <rPh sb="6" eb="7">
      <t>ナド</t>
    </rPh>
    <rPh sb="8" eb="10">
      <t>カンリ</t>
    </rPh>
    <rPh sb="12" eb="14">
      <t>バアイ</t>
    </rPh>
    <rPh sb="15" eb="17">
      <t>イライ</t>
    </rPh>
    <rPh sb="17" eb="18">
      <t>マタ</t>
    </rPh>
    <rPh sb="19" eb="21">
      <t>ショウダク</t>
    </rPh>
    <rPh sb="22" eb="24">
      <t>ショメン</t>
    </rPh>
    <rPh sb="25" eb="27">
      <t>カクニン</t>
    </rPh>
    <rPh sb="34" eb="36">
      <t>キンセン</t>
    </rPh>
    <rPh sb="36" eb="37">
      <t>ナド</t>
    </rPh>
    <rPh sb="38" eb="41">
      <t>グタイテキ</t>
    </rPh>
    <rPh sb="42" eb="46">
      <t>カンリホウホウ</t>
    </rPh>
    <rPh sb="47" eb="50">
      <t>ニュウキョシャ</t>
    </rPh>
    <rPh sb="50" eb="52">
      <t>ホンニン</t>
    </rPh>
    <rPh sb="52" eb="53">
      <t>マタ</t>
    </rPh>
    <rPh sb="54" eb="60">
      <t>ミモトヒキウケニンナド</t>
    </rPh>
    <rPh sb="62" eb="65">
      <t>テイキテキ</t>
    </rPh>
    <rPh sb="65" eb="67">
      <t>ホウコク</t>
    </rPh>
    <rPh sb="67" eb="68">
      <t>ナド</t>
    </rPh>
    <rPh sb="69" eb="71">
      <t>カンリ</t>
    </rPh>
    <rPh sb="71" eb="73">
      <t>キテイ</t>
    </rPh>
    <rPh sb="73" eb="74">
      <t>ナド</t>
    </rPh>
    <rPh sb="75" eb="76">
      <t>サダ</t>
    </rPh>
    <phoneticPr fontId="1"/>
  </si>
  <si>
    <t>入居者及びその家族に対して、成年後見制度並びに市町村又は社会福祉協議会等が行っている高齢者の財産保全に関する支援措置等の周囲に努めている。</t>
    <rPh sb="0" eb="3">
      <t>ニュウキョシャ</t>
    </rPh>
    <rPh sb="3" eb="4">
      <t>オヨ</t>
    </rPh>
    <rPh sb="7" eb="9">
      <t>カゾク</t>
    </rPh>
    <rPh sb="10" eb="11">
      <t>タイ</t>
    </rPh>
    <rPh sb="14" eb="20">
      <t>セイネンコウケンセイド</t>
    </rPh>
    <rPh sb="20" eb="21">
      <t>ナラ</t>
    </rPh>
    <rPh sb="23" eb="26">
      <t>シチョウソン</t>
    </rPh>
    <rPh sb="26" eb="27">
      <t>マタ</t>
    </rPh>
    <rPh sb="28" eb="30">
      <t>シャカイ</t>
    </rPh>
    <rPh sb="30" eb="32">
      <t>フクシ</t>
    </rPh>
    <rPh sb="32" eb="35">
      <t>キョウギカイ</t>
    </rPh>
    <rPh sb="35" eb="36">
      <t>ナド</t>
    </rPh>
    <rPh sb="37" eb="38">
      <t>オコナ</t>
    </rPh>
    <rPh sb="42" eb="45">
      <t>コウレイシャ</t>
    </rPh>
    <rPh sb="46" eb="48">
      <t>ザイサン</t>
    </rPh>
    <rPh sb="48" eb="50">
      <t>ホゼン</t>
    </rPh>
    <rPh sb="51" eb="52">
      <t>カン</t>
    </rPh>
    <rPh sb="54" eb="56">
      <t>シエン</t>
    </rPh>
    <rPh sb="56" eb="58">
      <t>ソチ</t>
    </rPh>
    <rPh sb="58" eb="59">
      <t>ナド</t>
    </rPh>
    <rPh sb="60" eb="62">
      <t>シュウイ</t>
    </rPh>
    <rPh sb="63" eb="64">
      <t>ツト</t>
    </rPh>
    <phoneticPr fontId="1"/>
  </si>
  <si>
    <t>（１）～（11）に掲げるサービス等の提供に係る入居者との契約を締結する場合、その職員に対して、提供するサービス等の内容を十分に周知徹底している。</t>
    <rPh sb="9" eb="10">
      <t>カカ</t>
    </rPh>
    <rPh sb="16" eb="17">
      <t>ナド</t>
    </rPh>
    <rPh sb="18" eb="20">
      <t>テイキョウ</t>
    </rPh>
    <rPh sb="21" eb="22">
      <t>カカ</t>
    </rPh>
    <rPh sb="23" eb="26">
      <t>ニュウキョシャ</t>
    </rPh>
    <rPh sb="28" eb="30">
      <t>ケイヤク</t>
    </rPh>
    <rPh sb="31" eb="33">
      <t>テイケツ</t>
    </rPh>
    <rPh sb="35" eb="37">
      <t>バアイ</t>
    </rPh>
    <rPh sb="40" eb="42">
      <t>ショクイン</t>
    </rPh>
    <rPh sb="43" eb="44">
      <t>タイ</t>
    </rPh>
    <rPh sb="47" eb="49">
      <t>テイキョウ</t>
    </rPh>
    <rPh sb="55" eb="56">
      <t>ナド</t>
    </rPh>
    <rPh sb="57" eb="59">
      <t>ナイヨウ</t>
    </rPh>
    <rPh sb="60" eb="62">
      <t>ジュウブン</t>
    </rPh>
    <rPh sb="63" eb="67">
      <t>シュウチテッテイ</t>
    </rPh>
    <phoneticPr fontId="1"/>
  </si>
  <si>
    <t>職員による会議を定期的に開催し、入居者の個々のサービス内容の検証及び向上に努めるとともに、サービスの提供を通じて、入居者の介護予防及び要支援・要介護状態の改善又は進行防止を図っている。</t>
    <rPh sb="0" eb="2">
      <t>ショクイン</t>
    </rPh>
    <rPh sb="5" eb="7">
      <t>カイギ</t>
    </rPh>
    <rPh sb="8" eb="11">
      <t>テイキテキ</t>
    </rPh>
    <rPh sb="12" eb="14">
      <t>カイサイ</t>
    </rPh>
    <rPh sb="16" eb="19">
      <t>ニュウキョシャ</t>
    </rPh>
    <rPh sb="20" eb="22">
      <t>ココ</t>
    </rPh>
    <rPh sb="27" eb="29">
      <t>ナイヨウ</t>
    </rPh>
    <rPh sb="30" eb="32">
      <t>ケンショウ</t>
    </rPh>
    <rPh sb="32" eb="33">
      <t>オヨ</t>
    </rPh>
    <rPh sb="34" eb="36">
      <t>コウジョウ</t>
    </rPh>
    <rPh sb="37" eb="38">
      <t>ツト</t>
    </rPh>
    <rPh sb="50" eb="52">
      <t>テイキョウ</t>
    </rPh>
    <rPh sb="53" eb="54">
      <t>ツウ</t>
    </rPh>
    <rPh sb="57" eb="60">
      <t>ニュウキョシャ</t>
    </rPh>
    <rPh sb="61" eb="63">
      <t>カイゴ</t>
    </rPh>
    <rPh sb="63" eb="65">
      <t>ヨボウ</t>
    </rPh>
    <rPh sb="65" eb="66">
      <t>オヨ</t>
    </rPh>
    <rPh sb="67" eb="70">
      <t>ヨウシエン</t>
    </rPh>
    <rPh sb="71" eb="72">
      <t>ヨウ</t>
    </rPh>
    <rPh sb="72" eb="74">
      <t>カイゴ</t>
    </rPh>
    <rPh sb="74" eb="76">
      <t>ジョウタイ</t>
    </rPh>
    <rPh sb="77" eb="79">
      <t>カイゼン</t>
    </rPh>
    <rPh sb="79" eb="80">
      <t>マタ</t>
    </rPh>
    <rPh sb="81" eb="83">
      <t>シンコウ</t>
    </rPh>
    <rPh sb="83" eb="85">
      <t>ボウシ</t>
    </rPh>
    <rPh sb="86" eb="87">
      <t>ハカ</t>
    </rPh>
    <phoneticPr fontId="1"/>
  </si>
  <si>
    <t>（１）　職員の配置　(運営の手引き　p.8)</t>
    <rPh sb="4" eb="6">
      <t>ショクイン</t>
    </rPh>
    <rPh sb="7" eb="9">
      <t>ハイチ</t>
    </rPh>
    <phoneticPr fontId="5"/>
  </si>
  <si>
    <t>（３）　職員の衛生管理　(運営の手引き　p.9)</t>
    <rPh sb="4" eb="6">
      <t>ショクイン</t>
    </rPh>
    <rPh sb="7" eb="11">
      <t>エイセイカンリ</t>
    </rPh>
    <phoneticPr fontId="1"/>
  </si>
  <si>
    <t>（４）　職員の秘密保持　(運営の手引き　p.10)</t>
    <rPh sb="7" eb="11">
      <t>ヒミツホジ</t>
    </rPh>
    <phoneticPr fontId="1"/>
  </si>
  <si>
    <t>（１）　入居者募集　(運営の手引き　p.11)</t>
    <rPh sb="4" eb="7">
      <t>ニュウキョシャ</t>
    </rPh>
    <rPh sb="7" eb="9">
      <t>ボシュウ</t>
    </rPh>
    <phoneticPr fontId="5"/>
  </si>
  <si>
    <t>（２）　重要事項説明書　(運営の手引き p.11)</t>
    <rPh sb="4" eb="11">
      <t>ジュウヨウジコウセツメイショ</t>
    </rPh>
    <phoneticPr fontId="5"/>
  </si>
  <si>
    <t>（３）　料金の変更　(運営の手引き　p.12)</t>
    <rPh sb="4" eb="6">
      <t>リョウキン</t>
    </rPh>
    <rPh sb="7" eb="9">
      <t>ヘンコウ</t>
    </rPh>
    <phoneticPr fontId="5"/>
  </si>
  <si>
    <t>（４）　体験入居　(運営の手引き　p.12)</t>
    <rPh sb="4" eb="6">
      <t>タイケン</t>
    </rPh>
    <rPh sb="6" eb="8">
      <t>ニュウキョ</t>
    </rPh>
    <phoneticPr fontId="5"/>
  </si>
  <si>
    <t>（５）　事業者側からの契約解除　(運営の手引き　p.13)</t>
    <rPh sb="4" eb="7">
      <t>ジギョウシャ</t>
    </rPh>
    <rPh sb="7" eb="8">
      <t>ガワ</t>
    </rPh>
    <rPh sb="11" eb="13">
      <t>ケイヤク</t>
    </rPh>
    <rPh sb="13" eb="15">
      <t>カイジョ</t>
    </rPh>
    <phoneticPr fontId="5"/>
  </si>
  <si>
    <t>（６）　退去時の原状回復費用　(運営の手引き　p.14)</t>
    <rPh sb="4" eb="6">
      <t>タイキョ</t>
    </rPh>
    <rPh sb="6" eb="7">
      <t>ジ</t>
    </rPh>
    <rPh sb="8" eb="14">
      <t>ゲンジョウカイフクヒヨウ</t>
    </rPh>
    <phoneticPr fontId="5"/>
  </si>
  <si>
    <t>（７）　権利金等の受領禁止　(運営の手引き　p.14）</t>
    <rPh sb="4" eb="7">
      <t>ケンリキン</t>
    </rPh>
    <rPh sb="7" eb="8">
      <t>ナド</t>
    </rPh>
    <rPh sb="9" eb="11">
      <t>ジュリョウ</t>
    </rPh>
    <rPh sb="11" eb="13">
      <t>キンシ</t>
    </rPh>
    <phoneticPr fontId="5"/>
  </si>
  <si>
    <t>（８）　前払金　(運営の手引き　p.14)</t>
    <rPh sb="4" eb="7">
      <t>マエバライキン</t>
    </rPh>
    <phoneticPr fontId="5"/>
  </si>
  <si>
    <t>（１）　通報義務　(運営の手引き　p.18)</t>
    <rPh sb="4" eb="6">
      <t>ツウホウ</t>
    </rPh>
    <rPh sb="6" eb="8">
      <t>ギム</t>
    </rPh>
    <phoneticPr fontId="5"/>
  </si>
  <si>
    <t>（２）　虐待防止　(運営の手引き　p.18)</t>
    <rPh sb="4" eb="6">
      <t>ギャクタイ</t>
    </rPh>
    <rPh sb="6" eb="8">
      <t>ボウシ</t>
    </rPh>
    <phoneticPr fontId="5"/>
  </si>
  <si>
    <t>（１）　身体的拘束の実施　(運営の手引き p.20)</t>
    <rPh sb="4" eb="6">
      <t>シンタイ</t>
    </rPh>
    <rPh sb="6" eb="7">
      <t>テキ</t>
    </rPh>
    <rPh sb="7" eb="9">
      <t>コウソク</t>
    </rPh>
    <rPh sb="10" eb="12">
      <t>ジッシ</t>
    </rPh>
    <phoneticPr fontId="5"/>
  </si>
  <si>
    <t>（１）　苦情への対応　(運営の手引き p.22)</t>
    <rPh sb="4" eb="6">
      <t>クジョウ</t>
    </rPh>
    <rPh sb="8" eb="10">
      <t>タイオウ</t>
    </rPh>
    <phoneticPr fontId="5"/>
  </si>
  <si>
    <t>（１）　事故防止に向けた対応　(運営の手引き p.24)</t>
    <rPh sb="4" eb="6">
      <t>ジコ</t>
    </rPh>
    <rPh sb="6" eb="8">
      <t>ボウシ</t>
    </rPh>
    <rPh sb="9" eb="10">
      <t>ム</t>
    </rPh>
    <rPh sb="12" eb="14">
      <t>タイオウ</t>
    </rPh>
    <phoneticPr fontId="5"/>
  </si>
  <si>
    <t>（２）　事故発生時・発生後の対応　(運営の手引き　p.24)</t>
    <rPh sb="4" eb="6">
      <t>ジコ</t>
    </rPh>
    <rPh sb="6" eb="8">
      <t>ハッセイ</t>
    </rPh>
    <rPh sb="8" eb="9">
      <t>ジ</t>
    </rPh>
    <rPh sb="10" eb="12">
      <t>ハッセイ</t>
    </rPh>
    <rPh sb="12" eb="13">
      <t>ゴ</t>
    </rPh>
    <rPh sb="14" eb="16">
      <t>タイオウ</t>
    </rPh>
    <phoneticPr fontId="5"/>
  </si>
  <si>
    <t>（３）　事故報告　(運営の手引き　p.25)</t>
    <rPh sb="4" eb="6">
      <t>ジコ</t>
    </rPh>
    <rPh sb="6" eb="8">
      <t>ホウコク</t>
    </rPh>
    <phoneticPr fontId="5"/>
  </si>
  <si>
    <t>（４）　医薬品の使用介助　(運営の手引き　p.25)</t>
    <rPh sb="4" eb="7">
      <t>イヤクヒン</t>
    </rPh>
    <rPh sb="8" eb="10">
      <t>シヨウ</t>
    </rPh>
    <rPh sb="10" eb="12">
      <t>カイジョ</t>
    </rPh>
    <phoneticPr fontId="5"/>
  </si>
  <si>
    <t>（５）　協力医療機関との連携　(運営の手引き　p.28)</t>
    <rPh sb="4" eb="10">
      <t>キョウリョクイリョウキカン</t>
    </rPh>
    <rPh sb="12" eb="14">
      <t>レンケイ</t>
    </rPh>
    <phoneticPr fontId="5"/>
  </si>
  <si>
    <t>（２）　研修の取組み　(運営の手引き　p.8)</t>
    <rPh sb="4" eb="6">
      <t>ケンシュウ</t>
    </rPh>
    <rPh sb="7" eb="8">
      <t>ト</t>
    </rPh>
    <rPh sb="8" eb="9">
      <t>ク</t>
    </rPh>
    <phoneticPr fontId="5"/>
  </si>
  <si>
    <t>県に届け出ている料金と異なる料金で入居者と契約していない。</t>
    <rPh sb="0" eb="1">
      <t>ケン</t>
    </rPh>
    <rPh sb="2" eb="3">
      <t>トド</t>
    </rPh>
    <rPh sb="4" eb="5">
      <t>デ</t>
    </rPh>
    <rPh sb="8" eb="10">
      <t>リョウキン</t>
    </rPh>
    <rPh sb="11" eb="12">
      <t>コト</t>
    </rPh>
    <rPh sb="14" eb="16">
      <t>リョウキン</t>
    </rPh>
    <rPh sb="17" eb="20">
      <t>ニュウキョシャ</t>
    </rPh>
    <rPh sb="21" eb="23">
      <t>ケイヤク</t>
    </rPh>
    <phoneticPr fontId="5"/>
  </si>
  <si>
    <r>
      <t>医療機関での治療が必要な場合、適切な治療が受けられるよう医療機関への連絡、紹介、受</t>
    </r>
    <r>
      <rPr>
        <sz val="10"/>
        <color rgb="FFFF0000"/>
        <rFont val="ＭＳ 明朝"/>
        <family val="1"/>
        <charset val="128"/>
      </rPr>
      <t>診</t>
    </r>
    <r>
      <rPr>
        <sz val="10"/>
        <rFont val="ＭＳ 明朝"/>
        <family val="1"/>
        <charset val="128"/>
      </rPr>
      <t>手続、通院介助等の協力を行っている。</t>
    </r>
    <rPh sb="0" eb="2">
      <t>イリョウ</t>
    </rPh>
    <rPh sb="2" eb="4">
      <t>キカン</t>
    </rPh>
    <rPh sb="6" eb="8">
      <t>チリョウ</t>
    </rPh>
    <rPh sb="9" eb="11">
      <t>ヒツヨウ</t>
    </rPh>
    <rPh sb="12" eb="14">
      <t>バアイ</t>
    </rPh>
    <rPh sb="15" eb="17">
      <t>テキセツ</t>
    </rPh>
    <rPh sb="18" eb="20">
      <t>チリョウ</t>
    </rPh>
    <rPh sb="21" eb="22">
      <t>ウ</t>
    </rPh>
    <rPh sb="28" eb="30">
      <t>イリョウ</t>
    </rPh>
    <rPh sb="30" eb="32">
      <t>キカン</t>
    </rPh>
    <rPh sb="34" eb="36">
      <t>レンラク</t>
    </rPh>
    <rPh sb="37" eb="39">
      <t>ショウカイ</t>
    </rPh>
    <rPh sb="40" eb="42">
      <t>ジュシン</t>
    </rPh>
    <rPh sb="42" eb="44">
      <t>テツヅ</t>
    </rPh>
    <rPh sb="45" eb="47">
      <t>ツウイン</t>
    </rPh>
    <rPh sb="47" eb="49">
      <t>カイジョ</t>
    </rPh>
    <rPh sb="49" eb="50">
      <t>ナド</t>
    </rPh>
    <rPh sb="51" eb="53">
      <t>キョウリョク</t>
    </rPh>
    <rPh sb="54" eb="55">
      <t>オコナ</t>
    </rPh>
    <phoneticPr fontId="1"/>
  </si>
  <si>
    <t>有料老人ホームの事業を変更した場合、県に変更後１月以内に老人福祉法に係る変更届を提出している。</t>
    <rPh sb="0" eb="4">
      <t>ユウリョウロウジン</t>
    </rPh>
    <rPh sb="8" eb="10">
      <t>ジギョウ</t>
    </rPh>
    <rPh sb="11" eb="13">
      <t>ヘンコウ</t>
    </rPh>
    <rPh sb="15" eb="17">
      <t>バアイ</t>
    </rPh>
    <rPh sb="18" eb="19">
      <t>ケン</t>
    </rPh>
    <rPh sb="20" eb="22">
      <t>ヘンコウ</t>
    </rPh>
    <rPh sb="22" eb="23">
      <t>ゴ</t>
    </rPh>
    <rPh sb="24" eb="25">
      <t>ツキ</t>
    </rPh>
    <rPh sb="25" eb="27">
      <t>イナイ</t>
    </rPh>
    <rPh sb="28" eb="33">
      <t>ロウジンフクシホウ</t>
    </rPh>
    <rPh sb="34" eb="35">
      <t>カカ</t>
    </rPh>
    <rPh sb="36" eb="39">
      <t>ヘンコウトドケ</t>
    </rPh>
    <rPh sb="40" eb="42">
      <t>テイシュツ</t>
    </rPh>
    <phoneticPr fontId="5"/>
  </si>
  <si>
    <t>②</t>
    <phoneticPr fontId="1"/>
  </si>
  <si>
    <t>介護付有料老人ホームの場合、併せて介護保険法での変更手続きを行っている。</t>
    <rPh sb="0" eb="2">
      <t>カイゴ</t>
    </rPh>
    <rPh sb="2" eb="3">
      <t>ツキ</t>
    </rPh>
    <rPh sb="3" eb="7">
      <t>ユウリョウロウジン</t>
    </rPh>
    <rPh sb="11" eb="13">
      <t>バアイ</t>
    </rPh>
    <rPh sb="14" eb="15">
      <t>アワ</t>
    </rPh>
    <rPh sb="17" eb="19">
      <t>カイゴ</t>
    </rPh>
    <rPh sb="19" eb="21">
      <t>ホケン</t>
    </rPh>
    <rPh sb="21" eb="22">
      <t>ホウ</t>
    </rPh>
    <rPh sb="24" eb="26">
      <t>ヘンコウ</t>
    </rPh>
    <rPh sb="26" eb="28">
      <t>テツヅ</t>
    </rPh>
    <rPh sb="30" eb="31">
      <t>オコナ</t>
    </rPh>
    <phoneticPr fontId="5"/>
  </si>
  <si>
    <t>補助対象財産について、補助金等の交付の目的に反して、使用、譲渡、交換、貸し付け、担保に供する、取り壊すこと等（財産処分）を行う場合には、事前に県の承認を得ている。</t>
    <rPh sb="0" eb="2">
      <t>ホジョ</t>
    </rPh>
    <rPh sb="2" eb="4">
      <t>タイショウ</t>
    </rPh>
    <rPh sb="4" eb="6">
      <t>ザイサン</t>
    </rPh>
    <rPh sb="11" eb="14">
      <t>ホジョキン</t>
    </rPh>
    <rPh sb="14" eb="15">
      <t>ナド</t>
    </rPh>
    <rPh sb="16" eb="18">
      <t>コウフ</t>
    </rPh>
    <rPh sb="19" eb="21">
      <t>モクテキ</t>
    </rPh>
    <rPh sb="22" eb="23">
      <t>ハン</t>
    </rPh>
    <rPh sb="26" eb="28">
      <t>シヨウ</t>
    </rPh>
    <rPh sb="29" eb="31">
      <t>ジョウト</t>
    </rPh>
    <rPh sb="32" eb="34">
      <t>コウカン</t>
    </rPh>
    <rPh sb="35" eb="36">
      <t>カ</t>
    </rPh>
    <rPh sb="37" eb="38">
      <t>ツ</t>
    </rPh>
    <rPh sb="40" eb="42">
      <t>タンポ</t>
    </rPh>
    <rPh sb="43" eb="44">
      <t>キョウ</t>
    </rPh>
    <rPh sb="47" eb="48">
      <t>ト</t>
    </rPh>
    <rPh sb="49" eb="50">
      <t>コワ</t>
    </rPh>
    <rPh sb="53" eb="54">
      <t>ナド</t>
    </rPh>
    <rPh sb="55" eb="57">
      <t>ザイサン</t>
    </rPh>
    <rPh sb="57" eb="59">
      <t>ショブン</t>
    </rPh>
    <rPh sb="61" eb="62">
      <t>オコナ</t>
    </rPh>
    <rPh sb="63" eb="65">
      <t>バアイ</t>
    </rPh>
    <rPh sb="68" eb="70">
      <t>ジゼン</t>
    </rPh>
    <rPh sb="71" eb="72">
      <t>ケン</t>
    </rPh>
    <rPh sb="73" eb="75">
      <t>ショウニン</t>
    </rPh>
    <rPh sb="76" eb="77">
      <t>エ</t>
    </rPh>
    <phoneticPr fontId="1"/>
  </si>
  <si>
    <t>毎年７月１日現在の有料老人ホームの経営状況等について、７月31日までに県に報告を行っている。</t>
    <rPh sb="0" eb="2">
      <t>マイトシ</t>
    </rPh>
    <rPh sb="3" eb="4">
      <t>ガツ</t>
    </rPh>
    <rPh sb="5" eb="6">
      <t>ニチ</t>
    </rPh>
    <rPh sb="6" eb="8">
      <t>ゲンザイ</t>
    </rPh>
    <rPh sb="9" eb="13">
      <t>ユウリョウロウジン</t>
    </rPh>
    <rPh sb="17" eb="21">
      <t>ケイエイジョウキョウ</t>
    </rPh>
    <rPh sb="21" eb="22">
      <t>ナド</t>
    </rPh>
    <rPh sb="28" eb="29">
      <t>ガツ</t>
    </rPh>
    <rPh sb="31" eb="32">
      <t>ニチ</t>
    </rPh>
    <rPh sb="35" eb="36">
      <t>ケン</t>
    </rPh>
    <rPh sb="37" eb="39">
      <t>ホウコク</t>
    </rPh>
    <rPh sb="40" eb="41">
      <t>オコナ</t>
    </rPh>
    <phoneticPr fontId="1"/>
  </si>
  <si>
    <t>介護職員による喀痰吸引及び経管栄養について、次の手続きを行っている。
・介護職員が登録研修機関の実施している研修修了をしている。
・介護職員が都道府県知事により認定証の交付を受けている。
・施設がその事業所ごとに都道府県知事の登録をしている。</t>
    <rPh sb="0" eb="2">
      <t>カイゴ</t>
    </rPh>
    <rPh sb="2" eb="4">
      <t>ショクイン</t>
    </rPh>
    <rPh sb="7" eb="8">
      <t>キャク</t>
    </rPh>
    <rPh sb="8" eb="9">
      <t>タン</t>
    </rPh>
    <rPh sb="9" eb="11">
      <t>キュウイン</t>
    </rPh>
    <rPh sb="11" eb="12">
      <t>オヨ</t>
    </rPh>
    <phoneticPr fontId="1"/>
  </si>
  <si>
    <t>介護現場で実施させることが多いと考えられる行為であって、原則として医行為でないと考えられるもの及び当該行為を介護職員が行うに当たっての患者や家族、医療従事者等との合意形成や協力に関する事項について把握している。</t>
    <rPh sb="0" eb="2">
      <t>カイゴ</t>
    </rPh>
    <rPh sb="2" eb="4">
      <t>ゲンバ</t>
    </rPh>
    <rPh sb="5" eb="7">
      <t>ジッシ</t>
    </rPh>
    <rPh sb="13" eb="14">
      <t>オオ</t>
    </rPh>
    <rPh sb="16" eb="17">
      <t>カンガ</t>
    </rPh>
    <rPh sb="21" eb="23">
      <t>コウイ</t>
    </rPh>
    <rPh sb="28" eb="30">
      <t>ゲンソク</t>
    </rPh>
    <rPh sb="33" eb="34">
      <t>イ</t>
    </rPh>
    <rPh sb="34" eb="36">
      <t>コウイ</t>
    </rPh>
    <rPh sb="40" eb="41">
      <t>カンガ</t>
    </rPh>
    <rPh sb="47" eb="48">
      <t>オヨ</t>
    </rPh>
    <rPh sb="49" eb="53">
      <t>トウガイコウイ</t>
    </rPh>
    <rPh sb="54" eb="58">
      <t>カイゴショクイン</t>
    </rPh>
    <rPh sb="59" eb="60">
      <t>オコナ</t>
    </rPh>
    <rPh sb="62" eb="63">
      <t>ア</t>
    </rPh>
    <rPh sb="67" eb="69">
      <t>カンジャ</t>
    </rPh>
    <rPh sb="70" eb="72">
      <t>カゾク</t>
    </rPh>
    <rPh sb="73" eb="78">
      <t>イリョウジュウジシャ</t>
    </rPh>
    <rPh sb="78" eb="79">
      <t>ナド</t>
    </rPh>
    <rPh sb="81" eb="83">
      <t>ゴウイ</t>
    </rPh>
    <rPh sb="83" eb="85">
      <t>ケイセイ</t>
    </rPh>
    <rPh sb="86" eb="88">
      <t>キョウリョク</t>
    </rPh>
    <rPh sb="89" eb="90">
      <t>カン</t>
    </rPh>
    <rPh sb="92" eb="94">
      <t>ジコウ</t>
    </rPh>
    <rPh sb="98" eb="100">
      <t>ハアク</t>
    </rPh>
    <phoneticPr fontId="1"/>
  </si>
  <si>
    <t>当該施設職員だけでなく、第三者からみても書いてある内容の意味が読み取れる記載となっている。</t>
    <rPh sb="0" eb="2">
      <t>トウガイ</t>
    </rPh>
    <rPh sb="2" eb="4">
      <t>シセツ</t>
    </rPh>
    <rPh sb="4" eb="6">
      <t>ショクイン</t>
    </rPh>
    <rPh sb="12" eb="15">
      <t>ダイサンシャ</t>
    </rPh>
    <rPh sb="20" eb="21">
      <t>カ</t>
    </rPh>
    <rPh sb="25" eb="27">
      <t>ナイヨウ</t>
    </rPh>
    <rPh sb="28" eb="30">
      <t>イミ</t>
    </rPh>
    <rPh sb="31" eb="32">
      <t>ヨ</t>
    </rPh>
    <rPh sb="33" eb="34">
      <t>ト</t>
    </rPh>
    <rPh sb="36" eb="38">
      <t>キサイ</t>
    </rPh>
    <phoneticPr fontId="1"/>
  </si>
  <si>
    <t>入居者の希望に応じて健康診断、健康管理及び健康保持のための措置の記録を適切に保存している。</t>
    <rPh sb="0" eb="3">
      <t>ニュウキョシャ</t>
    </rPh>
    <rPh sb="4" eb="6">
      <t>キボウ</t>
    </rPh>
    <rPh sb="7" eb="8">
      <t>オウ</t>
    </rPh>
    <rPh sb="10" eb="12">
      <t>ケンコウ</t>
    </rPh>
    <rPh sb="12" eb="14">
      <t>シンダン</t>
    </rPh>
    <rPh sb="15" eb="17">
      <t>ケンコウ</t>
    </rPh>
    <rPh sb="17" eb="19">
      <t>カンリ</t>
    </rPh>
    <rPh sb="19" eb="20">
      <t>オヨ</t>
    </rPh>
    <rPh sb="21" eb="23">
      <t>ケンコウ</t>
    </rPh>
    <rPh sb="23" eb="25">
      <t>ホジ</t>
    </rPh>
    <rPh sb="29" eb="31">
      <t>ソチ</t>
    </rPh>
    <rPh sb="32" eb="34">
      <t>キロク</t>
    </rPh>
    <rPh sb="35" eb="37">
      <t>テキセツ</t>
    </rPh>
    <rPh sb="38" eb="40">
      <t>ホゾン</t>
    </rPh>
    <phoneticPr fontId="1"/>
  </si>
  <si>
    <t>（１）　食事サービス　(運営の手引き　p.30)</t>
    <rPh sb="4" eb="6">
      <t>ショクジ</t>
    </rPh>
    <phoneticPr fontId="5"/>
  </si>
  <si>
    <t>（２）　生活相談・助言等　(運営の手引き　p.30)</t>
    <rPh sb="4" eb="6">
      <t>セイカツ</t>
    </rPh>
    <rPh sb="6" eb="8">
      <t>ソウダン</t>
    </rPh>
    <rPh sb="9" eb="11">
      <t>ジョゲン</t>
    </rPh>
    <rPh sb="11" eb="12">
      <t>ナド</t>
    </rPh>
    <phoneticPr fontId="5"/>
  </si>
  <si>
    <t>（３）　健康管理　(運営の手引き　p.30)</t>
    <rPh sb="4" eb="6">
      <t>ケンコウ</t>
    </rPh>
    <rPh sb="6" eb="8">
      <t>カンリ</t>
    </rPh>
    <phoneticPr fontId="5"/>
  </si>
  <si>
    <t>（４）　介護サービス　(運営の手引き　p.30)</t>
    <rPh sb="4" eb="6">
      <t>カイゴ</t>
    </rPh>
    <phoneticPr fontId="5"/>
  </si>
  <si>
    <t>（５）　安全確認又は状況把握　(運営の手引き　p.31)</t>
    <rPh sb="4" eb="6">
      <t>アンゼン</t>
    </rPh>
    <rPh sb="6" eb="8">
      <t>カクニン</t>
    </rPh>
    <rPh sb="8" eb="9">
      <t>マタ</t>
    </rPh>
    <rPh sb="10" eb="12">
      <t>ジョウキョウ</t>
    </rPh>
    <rPh sb="12" eb="14">
      <t>ハアク</t>
    </rPh>
    <phoneticPr fontId="5"/>
  </si>
  <si>
    <t>（６）　機能訓練　(運営の手引き　p.31)</t>
    <rPh sb="4" eb="6">
      <t>キノウ</t>
    </rPh>
    <rPh sb="6" eb="8">
      <t>クンレン</t>
    </rPh>
    <phoneticPr fontId="5"/>
  </si>
  <si>
    <t>（７）　レクリエーション　(運営の手引き　p.31)</t>
    <phoneticPr fontId="5"/>
  </si>
  <si>
    <t>（８）　家族との交流・外出の機会の確保　(運営の手引き　p.31)</t>
    <rPh sb="4" eb="6">
      <t>カゾク</t>
    </rPh>
    <rPh sb="8" eb="10">
      <t>コウリュウ</t>
    </rPh>
    <rPh sb="11" eb="13">
      <t>ガイシュツ</t>
    </rPh>
    <rPh sb="14" eb="16">
      <t>キカイ</t>
    </rPh>
    <rPh sb="17" eb="19">
      <t>カクホ</t>
    </rPh>
    <phoneticPr fontId="5"/>
  </si>
  <si>
    <t>（９）　家族・身元引受人への連絡等　(運営の手引き　p.31)</t>
    <rPh sb="4" eb="6">
      <t>カゾク</t>
    </rPh>
    <rPh sb="7" eb="11">
      <t>ミモトヒキウケ</t>
    </rPh>
    <rPh sb="11" eb="12">
      <t>ニン</t>
    </rPh>
    <rPh sb="14" eb="16">
      <t>レンラク</t>
    </rPh>
    <rPh sb="16" eb="17">
      <t>ナド</t>
    </rPh>
    <phoneticPr fontId="5"/>
  </si>
  <si>
    <t>（10）　金銭管理等　(運営の手引き　p.31)</t>
    <rPh sb="5" eb="7">
      <t>キンセン</t>
    </rPh>
    <rPh sb="7" eb="9">
      <t>カンリ</t>
    </rPh>
    <rPh sb="9" eb="10">
      <t>ナド</t>
    </rPh>
    <phoneticPr fontId="5"/>
  </si>
  <si>
    <t>（11）　成年後見制度の周知　(運営の手引き　p.32)</t>
    <rPh sb="5" eb="7">
      <t>セイネン</t>
    </rPh>
    <rPh sb="7" eb="9">
      <t>コウケン</t>
    </rPh>
    <rPh sb="9" eb="11">
      <t>セイド</t>
    </rPh>
    <rPh sb="12" eb="14">
      <t>シュウチ</t>
    </rPh>
    <phoneticPr fontId="5"/>
  </si>
  <si>
    <t>（12）　職員に対する説明　(運営の手引き　p.32)</t>
    <rPh sb="5" eb="7">
      <t>ショクイン</t>
    </rPh>
    <rPh sb="8" eb="9">
      <t>タイ</t>
    </rPh>
    <rPh sb="11" eb="13">
      <t>セツメイ</t>
    </rPh>
    <phoneticPr fontId="5"/>
  </si>
  <si>
    <t>（13）　サービスの向上　(運営の手引き　p.32)</t>
    <rPh sb="10" eb="12">
      <t>コウジョウ</t>
    </rPh>
    <phoneticPr fontId="5"/>
  </si>
  <si>
    <t>（１）　事業変更の届出について　(運営の手引き　p.34)</t>
    <rPh sb="4" eb="8">
      <t>ジギョウヘンコウ</t>
    </rPh>
    <rPh sb="9" eb="11">
      <t>トドケデ</t>
    </rPh>
    <phoneticPr fontId="5"/>
  </si>
  <si>
    <t>（１）　補助金で取得した補助対象財産の財産処分について　(運営の手引き　p.37)</t>
    <rPh sb="4" eb="7">
      <t>ホジョキン</t>
    </rPh>
    <rPh sb="8" eb="10">
      <t>シュトク</t>
    </rPh>
    <rPh sb="12" eb="14">
      <t>ホジョ</t>
    </rPh>
    <rPh sb="14" eb="16">
      <t>タイショウ</t>
    </rPh>
    <rPh sb="16" eb="18">
      <t>ザイサン</t>
    </rPh>
    <rPh sb="19" eb="23">
      <t>ザイサンショブン</t>
    </rPh>
    <phoneticPr fontId="5"/>
  </si>
  <si>
    <t>（２）　経営状況等報告について　(運営の手引き　p.37)</t>
    <rPh sb="4" eb="6">
      <t>ケイエイ</t>
    </rPh>
    <rPh sb="6" eb="8">
      <t>ジョウキョウ</t>
    </rPh>
    <rPh sb="8" eb="9">
      <t>ナド</t>
    </rPh>
    <rPh sb="9" eb="11">
      <t>ホウコク</t>
    </rPh>
    <phoneticPr fontId="5"/>
  </si>
  <si>
    <t>（３）　介護職員等による喀痰吸引等について　(運営の手引き　p.38)</t>
    <rPh sb="4" eb="8">
      <t>カイゴショクイン</t>
    </rPh>
    <rPh sb="8" eb="9">
      <t>ナド</t>
    </rPh>
    <rPh sb="12" eb="13">
      <t>キャク</t>
    </rPh>
    <rPh sb="13" eb="14">
      <t>タン</t>
    </rPh>
    <rPh sb="14" eb="16">
      <t>キュウイン</t>
    </rPh>
    <rPh sb="16" eb="17">
      <t>ナド</t>
    </rPh>
    <phoneticPr fontId="5"/>
  </si>
  <si>
    <t>（４）　医行為の該当性判断について　(運営の手引き　p.38)</t>
    <rPh sb="4" eb="5">
      <t>イ</t>
    </rPh>
    <rPh sb="5" eb="7">
      <t>コウイ</t>
    </rPh>
    <rPh sb="8" eb="11">
      <t>ガイトウセイ</t>
    </rPh>
    <rPh sb="11" eb="13">
      <t>ハンダン</t>
    </rPh>
    <phoneticPr fontId="5"/>
  </si>
  <si>
    <t>火災に対処するための計画のみではなく、水害や土砂災害、地震等の地域の実情に応じた非常災害対策計画を定めている。また、施設所在市町村の水害・土砂災害、地震等の計画地域やハザードマップ、施設の実状等を踏まえ、施設所在市町村の防災関係部署に相談する等により、必要に応じて非常災害対策計画の見直しを行っている。また、定期的に職員に周知するとともに、避難、救出その他必要な訓練を行っている。</t>
    <rPh sb="0" eb="2">
      <t>カサイ</t>
    </rPh>
    <rPh sb="3" eb="5">
      <t>タイショ</t>
    </rPh>
    <rPh sb="10" eb="12">
      <t>ケイカク</t>
    </rPh>
    <rPh sb="19" eb="21">
      <t>スイガイ</t>
    </rPh>
    <rPh sb="22" eb="24">
      <t>ドシャ</t>
    </rPh>
    <rPh sb="24" eb="26">
      <t>サイガイ</t>
    </rPh>
    <rPh sb="27" eb="29">
      <t>ジシン</t>
    </rPh>
    <rPh sb="29" eb="30">
      <t>トウ</t>
    </rPh>
    <rPh sb="31" eb="33">
      <t>チイキ</t>
    </rPh>
    <rPh sb="34" eb="36">
      <t>ジツジョウ</t>
    </rPh>
    <rPh sb="37" eb="38">
      <t>オウ</t>
    </rPh>
    <rPh sb="40" eb="42">
      <t>ヒジョウ</t>
    </rPh>
    <rPh sb="42" eb="44">
      <t>サイガイ</t>
    </rPh>
    <rPh sb="44" eb="46">
      <t>タイサク</t>
    </rPh>
    <rPh sb="46" eb="48">
      <t>ケイカク</t>
    </rPh>
    <rPh sb="49" eb="50">
      <t>サダ</t>
    </rPh>
    <rPh sb="58" eb="65">
      <t>シセツショザイシチョウソン</t>
    </rPh>
    <rPh sb="66" eb="68">
      <t>スイガイ</t>
    </rPh>
    <rPh sb="69" eb="73">
      <t>ドシャサイガイ</t>
    </rPh>
    <rPh sb="74" eb="76">
      <t>ジシン</t>
    </rPh>
    <rPh sb="76" eb="77">
      <t>ナド</t>
    </rPh>
    <rPh sb="78" eb="80">
      <t>ケイカク</t>
    </rPh>
    <rPh sb="80" eb="82">
      <t>チイキ</t>
    </rPh>
    <rPh sb="91" eb="93">
      <t>シセツ</t>
    </rPh>
    <rPh sb="94" eb="96">
      <t>ジツジョウ</t>
    </rPh>
    <rPh sb="96" eb="97">
      <t>ナド</t>
    </rPh>
    <rPh sb="98" eb="99">
      <t>フ</t>
    </rPh>
    <rPh sb="102" eb="106">
      <t>シセツショザイ</t>
    </rPh>
    <rPh sb="106" eb="109">
      <t>シチョウソン</t>
    </rPh>
    <rPh sb="110" eb="116">
      <t>ボウサイカンケイブショ</t>
    </rPh>
    <rPh sb="117" eb="119">
      <t>ソウダン</t>
    </rPh>
    <rPh sb="121" eb="122">
      <t>ナド</t>
    </rPh>
    <rPh sb="126" eb="128">
      <t>ヒツヨウ</t>
    </rPh>
    <rPh sb="129" eb="130">
      <t>オウ</t>
    </rPh>
    <rPh sb="132" eb="140">
      <t>ヒジョウサイガイタイサクケイカク</t>
    </rPh>
    <rPh sb="141" eb="143">
      <t>ミナオ</t>
    </rPh>
    <rPh sb="145" eb="146">
      <t>オコナ</t>
    </rPh>
    <rPh sb="154" eb="157">
      <t>テイキテキ</t>
    </rPh>
    <rPh sb="158" eb="160">
      <t>ショクイン</t>
    </rPh>
    <rPh sb="161" eb="163">
      <t>シュウチ</t>
    </rPh>
    <rPh sb="170" eb="172">
      <t>ヒナン</t>
    </rPh>
    <rPh sb="173" eb="175">
      <t>キュウシュツ</t>
    </rPh>
    <rPh sb="177" eb="178">
      <t>タ</t>
    </rPh>
    <rPh sb="178" eb="180">
      <t>ヒツヨウ</t>
    </rPh>
    <rPh sb="181" eb="183">
      <t>クンレン</t>
    </rPh>
    <rPh sb="184" eb="185">
      <t>オコナ</t>
    </rPh>
    <phoneticPr fontId="1"/>
  </si>
  <si>
    <t>市町村地域防災計画に定められた要配慮者利用施設については、避難確保計画を作成し、市町村長へ提出している。また、計画に基づく避難訓練を毎年実施し、訓練結果を市町村長に報告している。</t>
    <rPh sb="0" eb="3">
      <t>シチョウソン</t>
    </rPh>
    <rPh sb="3" eb="5">
      <t>チイキ</t>
    </rPh>
    <rPh sb="5" eb="7">
      <t>ボウサイ</t>
    </rPh>
    <rPh sb="7" eb="9">
      <t>ケイカク</t>
    </rPh>
    <rPh sb="10" eb="11">
      <t>サダ</t>
    </rPh>
    <rPh sb="15" eb="16">
      <t>ヨウ</t>
    </rPh>
    <rPh sb="16" eb="18">
      <t>ハイリョ</t>
    </rPh>
    <rPh sb="18" eb="19">
      <t>シャ</t>
    </rPh>
    <rPh sb="19" eb="21">
      <t>リヨウ</t>
    </rPh>
    <rPh sb="21" eb="23">
      <t>シセツ</t>
    </rPh>
    <rPh sb="29" eb="31">
      <t>ヒナン</t>
    </rPh>
    <rPh sb="31" eb="33">
      <t>カクホ</t>
    </rPh>
    <rPh sb="33" eb="35">
      <t>ケイカク</t>
    </rPh>
    <rPh sb="36" eb="38">
      <t>サクセイ</t>
    </rPh>
    <rPh sb="40" eb="43">
      <t>シチョウソン</t>
    </rPh>
    <rPh sb="43" eb="44">
      <t>ナガ</t>
    </rPh>
    <rPh sb="45" eb="47">
      <t>テイシュツ</t>
    </rPh>
    <rPh sb="55" eb="57">
      <t>ケイカク</t>
    </rPh>
    <rPh sb="58" eb="59">
      <t>モト</t>
    </rPh>
    <rPh sb="61" eb="65">
      <t>ヒナンクンレン</t>
    </rPh>
    <rPh sb="66" eb="68">
      <t>マイトシ</t>
    </rPh>
    <rPh sb="68" eb="70">
      <t>ジッシ</t>
    </rPh>
    <rPh sb="72" eb="74">
      <t>クンレン</t>
    </rPh>
    <rPh sb="74" eb="76">
      <t>ケッカ</t>
    </rPh>
    <rPh sb="77" eb="79">
      <t>シチョウ</t>
    </rPh>
    <rPh sb="79" eb="81">
      <t>ソンチョウ</t>
    </rPh>
    <rPh sb="82" eb="84">
      <t>ホウコク</t>
    </rPh>
    <phoneticPr fontId="1"/>
  </si>
  <si>
    <t>職員の心身の健康に留意し、職員の疾病の早期発見及び健康状態の把握のために。採用時及び採用後において定期的に健康診断を行うとともに、メンタルヘルスを含めて健康管理に関する相談体制を確保している。</t>
    <rPh sb="0" eb="2">
      <t>ショクイン</t>
    </rPh>
    <rPh sb="3" eb="5">
      <t>シンシン</t>
    </rPh>
    <rPh sb="6" eb="8">
      <t>ケンコウ</t>
    </rPh>
    <rPh sb="9" eb="11">
      <t>リュウイ</t>
    </rPh>
    <rPh sb="13" eb="15">
      <t>ショクイン</t>
    </rPh>
    <rPh sb="16" eb="17">
      <t>シツ</t>
    </rPh>
    <rPh sb="17" eb="18">
      <t>ビョウ</t>
    </rPh>
    <rPh sb="19" eb="21">
      <t>ソウキ</t>
    </rPh>
    <rPh sb="21" eb="23">
      <t>ハッケン</t>
    </rPh>
    <rPh sb="23" eb="24">
      <t>オヨ</t>
    </rPh>
    <rPh sb="25" eb="27">
      <t>ケンコウ</t>
    </rPh>
    <rPh sb="27" eb="29">
      <t>ジョウタイ</t>
    </rPh>
    <rPh sb="30" eb="32">
      <t>ハアク</t>
    </rPh>
    <rPh sb="37" eb="40">
      <t>サイヨウジ</t>
    </rPh>
    <rPh sb="40" eb="41">
      <t>オヨ</t>
    </rPh>
    <rPh sb="42" eb="45">
      <t>サイヨウゴ</t>
    </rPh>
    <rPh sb="49" eb="52">
      <t>テイキテキ</t>
    </rPh>
    <rPh sb="53" eb="55">
      <t>ケンコウ</t>
    </rPh>
    <rPh sb="55" eb="57">
      <t>シンダン</t>
    </rPh>
    <rPh sb="58" eb="59">
      <t>オコナ</t>
    </rPh>
    <rPh sb="73" eb="74">
      <t>フク</t>
    </rPh>
    <rPh sb="76" eb="78">
      <t>ケンコウ</t>
    </rPh>
    <rPh sb="78" eb="80">
      <t>カンリ</t>
    </rPh>
    <rPh sb="81" eb="82">
      <t>カン</t>
    </rPh>
    <rPh sb="84" eb="86">
      <t>ソウダン</t>
    </rPh>
    <rPh sb="86" eb="88">
      <t>タイセイ</t>
    </rPh>
    <rPh sb="89" eb="91">
      <t>カクホ</t>
    </rPh>
    <phoneticPr fontId="1"/>
  </si>
  <si>
    <t>苦情について対応をしたときには、必ず記録を残して、情報を共有できる状態になっている。
また、苦情について運営懇談会にて報告を行っている。</t>
    <rPh sb="0" eb="2">
      <t>クジョウ</t>
    </rPh>
    <rPh sb="6" eb="8">
      <t>タイオウ</t>
    </rPh>
    <rPh sb="16" eb="17">
      <t>カナラ</t>
    </rPh>
    <rPh sb="18" eb="20">
      <t>キロク</t>
    </rPh>
    <rPh sb="21" eb="22">
      <t>ノコ</t>
    </rPh>
    <rPh sb="25" eb="27">
      <t>ジョウホウ</t>
    </rPh>
    <rPh sb="28" eb="30">
      <t>キョウユウ</t>
    </rPh>
    <rPh sb="33" eb="35">
      <t>ジョウタイ</t>
    </rPh>
    <rPh sb="46" eb="48">
      <t>クジョウ</t>
    </rPh>
    <rPh sb="52" eb="57">
      <t>ウンエイコンダンカイ</t>
    </rPh>
    <rPh sb="59" eb="61">
      <t>ホウコク</t>
    </rPh>
    <rPh sb="62" eb="63">
      <t>オコナ</t>
    </rPh>
    <phoneticPr fontId="1"/>
  </si>
  <si>
    <t>利用者に対し職員が医薬品の使用を介助することになった場合、その使用目的、取り違えその他の誤使用を防止する方策、適正に使用する方法等について、職員に対し改めて周知徹底している。</t>
    <rPh sb="0" eb="3">
      <t>リヨウシャ</t>
    </rPh>
    <rPh sb="4" eb="5">
      <t>タイ</t>
    </rPh>
    <rPh sb="6" eb="8">
      <t>ショクイン</t>
    </rPh>
    <rPh sb="9" eb="12">
      <t>イヤクヒン</t>
    </rPh>
    <rPh sb="13" eb="15">
      <t>シヨウ</t>
    </rPh>
    <rPh sb="16" eb="18">
      <t>カイジョ</t>
    </rPh>
    <rPh sb="26" eb="28">
      <t>バアイ</t>
    </rPh>
    <rPh sb="31" eb="33">
      <t>シヨウ</t>
    </rPh>
    <rPh sb="33" eb="35">
      <t>モクテキ</t>
    </rPh>
    <rPh sb="36" eb="37">
      <t>ト</t>
    </rPh>
    <rPh sb="38" eb="39">
      <t>チガ</t>
    </rPh>
    <rPh sb="42" eb="43">
      <t>タ</t>
    </rPh>
    <rPh sb="44" eb="45">
      <t>アヤマ</t>
    </rPh>
    <rPh sb="45" eb="47">
      <t>シヨウ</t>
    </rPh>
    <rPh sb="48" eb="50">
      <t>ボウシ</t>
    </rPh>
    <rPh sb="52" eb="54">
      <t>ホウサク</t>
    </rPh>
    <rPh sb="55" eb="57">
      <t>テキセイ</t>
    </rPh>
    <rPh sb="58" eb="60">
      <t>シヨウ</t>
    </rPh>
    <rPh sb="62" eb="64">
      <t>ホウホウ</t>
    </rPh>
    <rPh sb="64" eb="65">
      <t>ナド</t>
    </rPh>
    <rPh sb="70" eb="72">
      <t>ショクイン</t>
    </rPh>
    <rPh sb="73" eb="74">
      <t>タイ</t>
    </rPh>
    <rPh sb="75" eb="76">
      <t>アラタ</t>
    </rPh>
    <rPh sb="78" eb="82">
      <t>シュウチテッテ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font>
      <sz val="11"/>
      <color theme="1"/>
      <name val="游ゴシック"/>
      <family val="2"/>
      <charset val="128"/>
      <scheme val="minor"/>
    </font>
    <font>
      <sz val="6"/>
      <name val="游ゴシック"/>
      <family val="2"/>
      <charset val="128"/>
      <scheme val="minor"/>
    </font>
    <font>
      <sz val="10.5"/>
      <name val="ＭＳ 明朝"/>
      <family val="1"/>
      <charset val="128"/>
    </font>
    <font>
      <b/>
      <sz val="23.5"/>
      <name val="MS Gothic"/>
      <family val="3"/>
      <charset val="128"/>
    </font>
    <font>
      <b/>
      <sz val="23.5"/>
      <name val="Century"/>
      <family val="1"/>
    </font>
    <font>
      <sz val="6"/>
      <name val="ＭＳ 明朝"/>
      <family val="1"/>
      <charset val="128"/>
    </font>
    <font>
      <sz val="14.5"/>
      <name val="ＭＳ Ｐゴシック"/>
      <family val="3"/>
      <charset val="128"/>
    </font>
    <font>
      <sz val="20"/>
      <name val="ＭＳ 明朝"/>
      <family val="1"/>
      <charset val="128"/>
    </font>
    <font>
      <sz val="9.65"/>
      <name val="ＭＳ Ｐゴシック"/>
      <family val="3"/>
      <charset val="128"/>
    </font>
    <font>
      <sz val="12"/>
      <name val="ＭＳ ゴシック"/>
      <family val="3"/>
      <charset val="128"/>
    </font>
    <font>
      <sz val="16"/>
      <name val="MS Gothic"/>
      <family val="3"/>
      <charset val="128"/>
    </font>
    <font>
      <sz val="10"/>
      <name val="ＭＳ 明朝"/>
      <family val="1"/>
      <charset val="128"/>
    </font>
    <font>
      <sz val="12"/>
      <name val="ＭＳ Ｐゴシック"/>
      <family val="3"/>
      <charset val="128"/>
    </font>
    <font>
      <sz val="9"/>
      <name val="ＭＳ ゴシック"/>
      <family val="3"/>
      <charset val="128"/>
    </font>
    <font>
      <sz val="20"/>
      <name val="ＭＳ ゴシック"/>
      <family val="3"/>
      <charset val="128"/>
    </font>
    <font>
      <sz val="10"/>
      <name val="ＭＳ ゴシック"/>
      <family val="3"/>
      <charset val="128"/>
    </font>
    <font>
      <sz val="8"/>
      <name val="ＭＳ ゴシック"/>
      <family val="3"/>
      <charset val="128"/>
    </font>
    <font>
      <sz val="10.5"/>
      <name val="ＭＳ ゴシック"/>
      <family val="3"/>
      <charset val="128"/>
    </font>
    <font>
      <sz val="14"/>
      <name val="ＭＳ ゴシック"/>
      <family val="3"/>
      <charset val="128"/>
    </font>
    <font>
      <sz val="10"/>
      <name val="ＭＳ Ｐ明朝"/>
      <family val="1"/>
      <charset val="128"/>
    </font>
    <font>
      <sz val="10"/>
      <name val="Century"/>
      <family val="1"/>
    </font>
    <font>
      <sz val="10"/>
      <name val="ＭＳ Ｐゴシック"/>
      <family val="3"/>
      <charset val="128"/>
    </font>
    <font>
      <sz val="11.5"/>
      <name val="ＭＳ 明朝"/>
      <family val="1"/>
      <charset val="128"/>
    </font>
    <font>
      <sz val="11"/>
      <name val="ＭＳ Ｐゴシック"/>
      <family val="3"/>
      <charset val="128"/>
    </font>
    <font>
      <b/>
      <sz val="11"/>
      <name val="ＭＳ Ｐゴシック"/>
      <family val="3"/>
      <charset val="128"/>
    </font>
    <font>
      <sz val="11"/>
      <name val="ＭＳ Ｐ明朝"/>
      <family val="1"/>
      <charset val="128"/>
    </font>
    <font>
      <sz val="10.5"/>
      <name val="ＭＳ Ｐ明朝"/>
      <family val="1"/>
      <charset val="128"/>
    </font>
    <font>
      <sz val="20"/>
      <name val="ＭＳ Ｐゴシック"/>
      <family val="3"/>
      <charset val="128"/>
    </font>
    <font>
      <sz val="10.5"/>
      <name val="ＭＳ Ｐゴシック"/>
      <family val="3"/>
      <charset val="128"/>
    </font>
    <font>
      <sz val="14"/>
      <name val="ＭＳ Ｐゴシック"/>
      <family val="3"/>
      <charset val="128"/>
    </font>
    <font>
      <sz val="10"/>
      <color rgb="FFFF0000"/>
      <name val="ＭＳ 明朝"/>
      <family val="1"/>
      <charset val="128"/>
    </font>
  </fonts>
  <fills count="2">
    <fill>
      <patternFill patternType="none"/>
    </fill>
    <fill>
      <patternFill patternType="gray125"/>
    </fill>
  </fills>
  <borders count="26">
    <border>
      <left/>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dotted">
        <color indexed="64"/>
      </right>
      <top style="thin">
        <color indexed="64"/>
      </top>
      <bottom/>
      <diagonal/>
    </border>
    <border>
      <left/>
      <right style="dotted">
        <color indexed="64"/>
      </right>
      <top/>
      <bottom/>
      <diagonal/>
    </border>
    <border>
      <left style="dotted">
        <color indexed="64"/>
      </left>
      <right/>
      <top/>
      <bottom/>
      <diagonal/>
    </border>
    <border>
      <left/>
      <right style="dotted">
        <color indexed="64"/>
      </right>
      <top/>
      <bottom style="thin">
        <color indexed="64"/>
      </bottom>
      <diagonal/>
    </border>
    <border>
      <left style="dott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s>
  <cellStyleXfs count="4">
    <xf numFmtId="0" fontId="0" fillId="0" borderId="0">
      <alignment vertical="center"/>
    </xf>
    <xf numFmtId="0" fontId="2" fillId="0" borderId="0"/>
    <xf numFmtId="0" fontId="23" fillId="0" borderId="0"/>
    <xf numFmtId="0" fontId="2" fillId="0" borderId="0"/>
  </cellStyleXfs>
  <cellXfs count="270">
    <xf numFmtId="0" fontId="0" fillId="0" borderId="0" xfId="0">
      <alignment vertical="center"/>
    </xf>
    <xf numFmtId="0" fontId="2" fillId="0" borderId="0" xfId="1" applyFont="1" applyFill="1"/>
    <xf numFmtId="0" fontId="2" fillId="0" borderId="0" xfId="1" applyNumberFormat="1" applyFont="1" applyFill="1"/>
    <xf numFmtId="0" fontId="7" fillId="0" borderId="0" xfId="1" applyFont="1" applyFill="1"/>
    <xf numFmtId="0" fontId="2" fillId="0" borderId="12" xfId="1" applyNumberFormat="1" applyFont="1" applyFill="1" applyBorder="1" applyAlignment="1">
      <alignment horizontal="left" vertical="center"/>
    </xf>
    <xf numFmtId="0" fontId="2" fillId="0" borderId="15" xfId="1" applyNumberFormat="1" applyFont="1" applyFill="1" applyBorder="1" applyAlignment="1">
      <alignment horizontal="left" vertical="center"/>
    </xf>
    <xf numFmtId="0" fontId="8" fillId="0" borderId="12" xfId="1" applyNumberFormat="1" applyFont="1" applyFill="1" applyBorder="1" applyAlignment="1">
      <alignment horizontal="left" vertical="center"/>
    </xf>
    <xf numFmtId="0" fontId="2" fillId="0" borderId="12" xfId="1" applyFont="1" applyFill="1" applyBorder="1"/>
    <xf numFmtId="0" fontId="7" fillId="0" borderId="12" xfId="1" applyFont="1" applyFill="1" applyBorder="1"/>
    <xf numFmtId="0" fontId="7" fillId="0" borderId="13" xfId="1" applyFont="1" applyFill="1" applyBorder="1"/>
    <xf numFmtId="0" fontId="11" fillId="0" borderId="0" xfId="1" applyNumberFormat="1" applyFont="1" applyFill="1" applyAlignment="1">
      <alignment vertical="center"/>
    </xf>
    <xf numFmtId="0" fontId="17" fillId="0" borderId="1" xfId="1" applyNumberFormat="1" applyFont="1" applyFill="1" applyBorder="1" applyAlignment="1">
      <alignment horizontal="left" vertical="center"/>
    </xf>
    <xf numFmtId="0" fontId="17" fillId="0" borderId="0" xfId="1" applyNumberFormat="1" applyFont="1" applyFill="1" applyBorder="1" applyAlignment="1">
      <alignment vertical="center"/>
    </xf>
    <xf numFmtId="0" fontId="17" fillId="0" borderId="10" xfId="1" applyNumberFormat="1" applyFont="1" applyFill="1" applyBorder="1" applyAlignment="1">
      <alignment vertical="center"/>
    </xf>
    <xf numFmtId="0" fontId="17" fillId="0" borderId="7" xfId="1" applyNumberFormat="1" applyFont="1" applyFill="1" applyBorder="1" applyAlignment="1">
      <alignment vertical="center"/>
    </xf>
    <xf numFmtId="0" fontId="17" fillId="0" borderId="9" xfId="1" applyNumberFormat="1" applyFont="1" applyFill="1" applyBorder="1" applyAlignment="1">
      <alignment vertical="center"/>
    </xf>
    <xf numFmtId="0" fontId="17" fillId="0" borderId="6" xfId="1" applyNumberFormat="1" applyFont="1" applyFill="1" applyBorder="1" applyAlignment="1">
      <alignment vertical="center"/>
    </xf>
    <xf numFmtId="0" fontId="15" fillId="0" borderId="1" xfId="1" applyNumberFormat="1" applyFont="1" applyFill="1" applyBorder="1" applyAlignment="1">
      <alignment horizontal="left" vertical="center"/>
    </xf>
    <xf numFmtId="0" fontId="15" fillId="0" borderId="0" xfId="1" applyNumberFormat="1" applyFont="1" applyFill="1" applyBorder="1" applyAlignment="1">
      <alignment horizontal="left" vertical="center"/>
    </xf>
    <xf numFmtId="0" fontId="15" fillId="0" borderId="10" xfId="1" applyNumberFormat="1" applyFont="1" applyFill="1" applyBorder="1" applyAlignment="1">
      <alignment horizontal="left" vertical="center"/>
    </xf>
    <xf numFmtId="0" fontId="20" fillId="0" borderId="0" xfId="1" applyNumberFormat="1" applyFont="1" applyFill="1" applyAlignment="1">
      <alignment horizontal="left" vertical="center"/>
    </xf>
    <xf numFmtId="0" fontId="20" fillId="0" borderId="0" xfId="1" applyNumberFormat="1" applyFont="1" applyFill="1" applyBorder="1" applyAlignment="1">
      <alignment horizontal="left" vertical="center"/>
    </xf>
    <xf numFmtId="0" fontId="17" fillId="0" borderId="7" xfId="1" applyNumberFormat="1" applyFont="1" applyFill="1" applyBorder="1" applyAlignment="1">
      <alignment horizontal="center" vertical="center"/>
    </xf>
    <xf numFmtId="0" fontId="21" fillId="0" borderId="0" xfId="1" applyNumberFormat="1" applyFont="1" applyFill="1" applyBorder="1" applyAlignment="1">
      <alignment horizontal="center" vertical="center"/>
    </xf>
    <xf numFmtId="0" fontId="22" fillId="0" borderId="0" xfId="1" applyNumberFormat="1" applyFont="1" applyFill="1" applyBorder="1" applyAlignment="1">
      <alignment horizontal="center" vertical="center"/>
    </xf>
    <xf numFmtId="0" fontId="18" fillId="0" borderId="0" xfId="1" applyNumberFormat="1" applyFont="1" applyFill="1" applyAlignment="1">
      <alignment vertical="center"/>
    </xf>
    <xf numFmtId="0" fontId="2" fillId="0" borderId="0" xfId="1" applyNumberFormat="1" applyFont="1" applyFill="1" applyBorder="1" applyAlignment="1">
      <alignment vertical="center"/>
    </xf>
    <xf numFmtId="0" fontId="2" fillId="0" borderId="0" xfId="1" applyNumberFormat="1" applyFont="1" applyFill="1" applyBorder="1"/>
    <xf numFmtId="0" fontId="2" fillId="0" borderId="0" xfId="1" applyFont="1" applyFill="1" applyBorder="1"/>
    <xf numFmtId="0" fontId="7" fillId="0" borderId="0" xfId="1" applyFont="1" applyFill="1" applyBorder="1"/>
    <xf numFmtId="0" fontId="14" fillId="0" borderId="0" xfId="1" applyFont="1" applyFill="1" applyBorder="1" applyAlignment="1">
      <alignment vertical="center"/>
    </xf>
    <xf numFmtId="0" fontId="13" fillId="0" borderId="0" xfId="1" applyFont="1" applyFill="1" applyBorder="1" applyAlignment="1">
      <alignment vertical="center"/>
    </xf>
    <xf numFmtId="0" fontId="11" fillId="0" borderId="0" xfId="1" applyNumberFormat="1" applyFont="1" applyFill="1" applyAlignment="1">
      <alignment horizontal="center" vertical="center"/>
    </xf>
    <xf numFmtId="0" fontId="14" fillId="0" borderId="9" xfId="1" applyFont="1" applyFill="1" applyBorder="1" applyAlignment="1">
      <alignment vertical="center"/>
    </xf>
    <xf numFmtId="0" fontId="12" fillId="0" borderId="0" xfId="1" applyNumberFormat="1" applyFont="1" applyFill="1" applyAlignment="1">
      <alignment vertical="center"/>
    </xf>
    <xf numFmtId="0" fontId="2" fillId="0" borderId="9" xfId="1" applyFont="1" applyFill="1" applyBorder="1" applyAlignment="1">
      <alignment vertical="center"/>
    </xf>
    <xf numFmtId="0" fontId="2" fillId="0" borderId="6" xfId="1" applyFont="1" applyFill="1" applyBorder="1" applyAlignment="1">
      <alignment vertical="center"/>
    </xf>
    <xf numFmtId="0" fontId="14" fillId="0" borderId="0" xfId="1" applyFont="1" applyFill="1" applyAlignment="1">
      <alignment vertical="center"/>
    </xf>
    <xf numFmtId="0" fontId="11" fillId="0" borderId="0" xfId="1" applyNumberFormat="1" applyFont="1" applyFill="1" applyBorder="1" applyAlignment="1">
      <alignment horizontal="center" vertical="center"/>
    </xf>
    <xf numFmtId="0" fontId="14" fillId="0" borderId="0" xfId="1" applyFont="1" applyFill="1" applyBorder="1" applyAlignment="1">
      <alignment horizontal="center" vertical="center"/>
    </xf>
    <xf numFmtId="0" fontId="11" fillId="0" borderId="0" xfId="1" applyNumberFormat="1" applyFont="1" applyFill="1" applyBorder="1" applyAlignment="1">
      <alignment horizontal="left" vertical="center"/>
    </xf>
    <xf numFmtId="0" fontId="12" fillId="0" borderId="0" xfId="1" applyNumberFormat="1" applyFont="1" applyFill="1" applyAlignment="1">
      <alignment horizontal="left" vertical="center"/>
    </xf>
    <xf numFmtId="0" fontId="21" fillId="0" borderId="5" xfId="1" applyNumberFormat="1" applyFont="1" applyFill="1" applyBorder="1" applyAlignment="1">
      <alignment horizontal="center" vertical="center"/>
    </xf>
    <xf numFmtId="0" fontId="15" fillId="0" borderId="0" xfId="1" applyNumberFormat="1" applyFont="1" applyFill="1" applyAlignment="1">
      <alignment horizontal="center" vertical="center"/>
    </xf>
    <xf numFmtId="0" fontId="17" fillId="0" borderId="0" xfId="1" applyNumberFormat="1" applyFont="1" applyFill="1"/>
    <xf numFmtId="0" fontId="17" fillId="0" borderId="0" xfId="1" applyFont="1" applyFill="1"/>
    <xf numFmtId="0" fontId="11" fillId="0" borderId="0" xfId="1" applyFont="1" applyFill="1" applyBorder="1"/>
    <xf numFmtId="0" fontId="12" fillId="0" borderId="0" xfId="2" applyNumberFormat="1" applyFont="1" applyFill="1" applyAlignment="1">
      <alignment vertical="center"/>
    </xf>
    <xf numFmtId="0" fontId="24" fillId="0" borderId="0" xfId="2" applyNumberFormat="1" applyFont="1" applyFill="1" applyAlignment="1">
      <alignment horizontal="center" vertical="center"/>
    </xf>
    <xf numFmtId="0" fontId="15" fillId="0" borderId="0" xfId="2" applyNumberFormat="1" applyFont="1" applyFill="1" applyAlignment="1">
      <alignment vertical="center"/>
    </xf>
    <xf numFmtId="0" fontId="15" fillId="0" borderId="0" xfId="2" applyNumberFormat="1" applyFont="1" applyFill="1" applyAlignment="1">
      <alignment horizontal="center" vertical="center"/>
    </xf>
    <xf numFmtId="0" fontId="17" fillId="0" borderId="0" xfId="2" applyNumberFormat="1" applyFont="1" applyFill="1"/>
    <xf numFmtId="0" fontId="17" fillId="0" borderId="0" xfId="2" applyFont="1" applyFill="1"/>
    <xf numFmtId="0" fontId="14" fillId="0" borderId="0" xfId="2" applyFont="1" applyFill="1" applyAlignment="1">
      <alignment vertical="center"/>
    </xf>
    <xf numFmtId="0" fontId="2" fillId="0" borderId="0" xfId="2" applyFont="1" applyFill="1"/>
    <xf numFmtId="0" fontId="21" fillId="0" borderId="0" xfId="2" applyNumberFormat="1" applyFont="1" applyFill="1" applyBorder="1" applyAlignment="1">
      <alignment horizontal="center" vertical="center"/>
    </xf>
    <xf numFmtId="0" fontId="25" fillId="0" borderId="0" xfId="2" applyFont="1" applyFill="1" applyBorder="1" applyAlignment="1">
      <alignment vertical="center" wrapText="1"/>
    </xf>
    <xf numFmtId="0" fontId="14" fillId="0" borderId="0" xfId="2" applyFont="1" applyFill="1" applyBorder="1" applyAlignment="1">
      <alignment horizontal="center" vertical="center"/>
    </xf>
    <xf numFmtId="0" fontId="25" fillId="0" borderId="0" xfId="2" applyNumberFormat="1" applyFont="1" applyFill="1" applyAlignment="1">
      <alignment horizontal="center" vertical="center"/>
    </xf>
    <xf numFmtId="0" fontId="25" fillId="0" borderId="0" xfId="2" applyNumberFormat="1" applyFont="1" applyFill="1"/>
    <xf numFmtId="0" fontId="25" fillId="0" borderId="0" xfId="2" applyFont="1" applyFill="1"/>
    <xf numFmtId="0" fontId="25" fillId="0" borderId="0" xfId="2" applyFont="1" applyFill="1" applyBorder="1" applyAlignment="1">
      <alignment horizontal="left" vertical="center" wrapText="1"/>
    </xf>
    <xf numFmtId="0" fontId="23" fillId="0" borderId="0" xfId="2" applyFont="1" applyFill="1"/>
    <xf numFmtId="0" fontId="11" fillId="0" borderId="0" xfId="2" applyFont="1" applyFill="1"/>
    <xf numFmtId="0" fontId="2" fillId="0" borderId="0" xfId="2" applyFont="1" applyFill="1" applyBorder="1" applyAlignment="1">
      <alignment vertical="center" wrapText="1"/>
    </xf>
    <xf numFmtId="0" fontId="15" fillId="0" borderId="0" xfId="2" applyFont="1" applyFill="1" applyBorder="1" applyAlignment="1">
      <alignment horizontal="center" vertical="center"/>
    </xf>
    <xf numFmtId="0" fontId="11" fillId="0" borderId="0" xfId="1" applyFont="1" applyFill="1"/>
    <xf numFmtId="0" fontId="11" fillId="0" borderId="0" xfId="1" applyFont="1" applyFill="1" applyBorder="1" applyAlignment="1"/>
    <xf numFmtId="0" fontId="25" fillId="0" borderId="0" xfId="2" applyFont="1" applyFill="1" applyBorder="1" applyAlignment="1">
      <alignment vertical="center"/>
    </xf>
    <xf numFmtId="0" fontId="25" fillId="0" borderId="0" xfId="2" applyNumberFormat="1" applyFont="1" applyFill="1" applyBorder="1" applyAlignment="1">
      <alignment horizontal="left" vertical="center"/>
    </xf>
    <xf numFmtId="0" fontId="25" fillId="0" borderId="0" xfId="2" applyNumberFormat="1" applyFont="1" applyFill="1" applyBorder="1" applyAlignment="1">
      <alignment horizontal="center" vertical="center"/>
    </xf>
    <xf numFmtId="0" fontId="25" fillId="0" borderId="0" xfId="2" applyNumberFormat="1" applyFont="1" applyFill="1" applyBorder="1"/>
    <xf numFmtId="0" fontId="25" fillId="0" borderId="0" xfId="2" applyFont="1" applyFill="1" applyBorder="1"/>
    <xf numFmtId="0" fontId="26" fillId="0" borderId="0" xfId="2" applyFont="1" applyFill="1" applyBorder="1"/>
    <xf numFmtId="0" fontId="11" fillId="0" borderId="0" xfId="1" applyFont="1" applyFill="1" applyAlignment="1">
      <alignment horizontal="left"/>
    </xf>
    <xf numFmtId="0" fontId="11" fillId="0" borderId="0" xfId="1" applyFont="1" applyFill="1" applyAlignment="1">
      <alignment horizontal="left" wrapText="1"/>
    </xf>
    <xf numFmtId="0" fontId="11" fillId="0" borderId="0" xfId="1" applyFont="1" applyFill="1" applyBorder="1" applyAlignment="1">
      <alignment horizontal="left" vertical="top" wrapText="1"/>
    </xf>
    <xf numFmtId="0" fontId="11" fillId="0" borderId="0" xfId="1" applyFont="1" applyFill="1" applyBorder="1" applyAlignment="1">
      <alignment horizontal="center" wrapText="1"/>
    </xf>
    <xf numFmtId="0" fontId="23" fillId="0" borderId="0" xfId="1" applyFont="1" applyFill="1"/>
    <xf numFmtId="0" fontId="26" fillId="0" borderId="0" xfId="1" applyFont="1" applyFill="1" applyBorder="1" applyAlignment="1"/>
    <xf numFmtId="0" fontId="26" fillId="0" borderId="0" xfId="1" applyNumberFormat="1" applyFont="1" applyFill="1" applyBorder="1" applyAlignment="1"/>
    <xf numFmtId="0" fontId="27" fillId="0" borderId="0" xfId="1" applyFont="1" applyFill="1" applyBorder="1" applyAlignment="1">
      <alignment vertical="center" shrinkToFit="1"/>
    </xf>
    <xf numFmtId="0" fontId="2" fillId="0" borderId="0" xfId="1" applyNumberFormat="1" applyFont="1"/>
    <xf numFmtId="0" fontId="2" fillId="0" borderId="0" xfId="1" applyFont="1"/>
    <xf numFmtId="0" fontId="7" fillId="0" borderId="0" xfId="1" applyFont="1"/>
    <xf numFmtId="0" fontId="28" fillId="0" borderId="0" xfId="1" applyNumberFormat="1" applyFont="1" applyFill="1" applyAlignment="1">
      <alignment horizontal="center" vertical="center"/>
    </xf>
    <xf numFmtId="0" fontId="29" fillId="0" borderId="0" xfId="1" applyNumberFormat="1" applyFont="1" applyFill="1" applyAlignment="1">
      <alignment horizontal="center" vertical="center"/>
    </xf>
    <xf numFmtId="0" fontId="21" fillId="0" borderId="0" xfId="1" applyNumberFormat="1" applyFont="1" applyFill="1" applyAlignment="1">
      <alignment horizontal="center" vertical="center"/>
    </xf>
    <xf numFmtId="0" fontId="21" fillId="0" borderId="14" xfId="1" applyNumberFormat="1" applyFont="1" applyFill="1" applyBorder="1" applyAlignment="1">
      <alignment horizontal="center" vertical="center"/>
    </xf>
    <xf numFmtId="0" fontId="28" fillId="0" borderId="0" xfId="1" applyFont="1" applyFill="1" applyAlignment="1">
      <alignment horizontal="center" vertical="center"/>
    </xf>
    <xf numFmtId="0" fontId="28" fillId="0" borderId="5" xfId="1" applyFont="1" applyFill="1" applyBorder="1" applyAlignment="1">
      <alignment horizontal="center" vertical="center"/>
    </xf>
    <xf numFmtId="0" fontId="28" fillId="0" borderId="2" xfId="1" applyFont="1" applyFill="1" applyBorder="1" applyAlignment="1">
      <alignment horizontal="center" vertical="center"/>
    </xf>
    <xf numFmtId="0" fontId="28" fillId="0" borderId="0" xfId="1" applyFont="1" applyFill="1" applyBorder="1" applyAlignment="1">
      <alignment horizontal="center" vertical="center"/>
    </xf>
    <xf numFmtId="0" fontId="21" fillId="0" borderId="0" xfId="2" applyNumberFormat="1" applyFont="1" applyFill="1" applyAlignment="1">
      <alignment horizontal="center" vertical="center"/>
    </xf>
    <xf numFmtId="0" fontId="28" fillId="0" borderId="14" xfId="2" applyFont="1" applyFill="1" applyBorder="1" applyAlignment="1">
      <alignment horizontal="center" vertical="center"/>
    </xf>
    <xf numFmtId="0" fontId="28" fillId="0" borderId="0" xfId="2" applyFont="1" applyFill="1" applyBorder="1" applyAlignment="1">
      <alignment horizontal="center" vertical="center"/>
    </xf>
    <xf numFmtId="0" fontId="21" fillId="0" borderId="14" xfId="1" applyFont="1" applyFill="1" applyBorder="1" applyAlignment="1">
      <alignment horizontal="center" vertical="center"/>
    </xf>
    <xf numFmtId="0" fontId="21" fillId="0" borderId="0" xfId="1" applyFont="1" applyFill="1" applyBorder="1" applyAlignment="1">
      <alignment horizontal="center" vertical="center"/>
    </xf>
    <xf numFmtId="0" fontId="21" fillId="0" borderId="0" xfId="1" applyFont="1" applyFill="1" applyAlignment="1">
      <alignment horizontal="center" vertical="center"/>
    </xf>
    <xf numFmtId="0" fontId="23" fillId="0" borderId="5" xfId="1" applyFont="1" applyFill="1" applyBorder="1" applyAlignment="1">
      <alignment horizontal="center" vertical="center"/>
    </xf>
    <xf numFmtId="0" fontId="23" fillId="0" borderId="2" xfId="1" applyFont="1" applyFill="1" applyBorder="1" applyAlignment="1">
      <alignment horizontal="center" vertical="center"/>
    </xf>
    <xf numFmtId="0" fontId="23" fillId="0" borderId="0" xfId="1" applyFont="1" applyFill="1" applyBorder="1" applyAlignment="1">
      <alignment horizontal="center" vertical="center" wrapText="1"/>
    </xf>
    <xf numFmtId="0" fontId="28" fillId="0" borderId="0" xfId="1" applyNumberFormat="1" applyFont="1" applyFill="1" applyBorder="1" applyAlignment="1">
      <alignment horizontal="center" vertical="center"/>
    </xf>
    <xf numFmtId="0" fontId="28" fillId="0" borderId="0" xfId="1" applyNumberFormat="1" applyFont="1" applyAlignment="1">
      <alignment horizontal="center" vertical="center"/>
    </xf>
    <xf numFmtId="0" fontId="23" fillId="0" borderId="5" xfId="2" applyFont="1" applyFill="1" applyBorder="1" applyAlignment="1">
      <alignment horizontal="center" vertical="center"/>
    </xf>
    <xf numFmtId="0" fontId="14" fillId="0" borderId="0" xfId="2" applyFont="1" applyFill="1" applyBorder="1" applyAlignment="1">
      <alignment horizontal="center" vertical="center"/>
    </xf>
    <xf numFmtId="0" fontId="23" fillId="0" borderId="14" xfId="1" applyNumberFormat="1" applyFont="1" applyFill="1" applyBorder="1" applyAlignment="1">
      <alignment horizontal="center" vertical="center"/>
    </xf>
    <xf numFmtId="0" fontId="14" fillId="0" borderId="0" xfId="1" applyFont="1" applyFill="1" applyBorder="1" applyAlignment="1">
      <alignment horizontal="center" vertical="center"/>
    </xf>
    <xf numFmtId="0" fontId="23" fillId="0" borderId="5" xfId="1" applyFont="1" applyFill="1" applyBorder="1" applyAlignment="1">
      <alignment horizontal="center" vertical="center"/>
    </xf>
    <xf numFmtId="0" fontId="23" fillId="0" borderId="2" xfId="1" applyNumberFormat="1" applyFont="1" applyFill="1" applyBorder="1" applyAlignment="1">
      <alignment horizontal="center" vertical="center"/>
    </xf>
    <xf numFmtId="0" fontId="11" fillId="0" borderId="0" xfId="1" applyFont="1" applyFill="1" applyBorder="1" applyAlignment="1">
      <alignment horizontal="left" vertical="center" wrapText="1"/>
    </xf>
    <xf numFmtId="0" fontId="19" fillId="0" borderId="0" xfId="2" applyFont="1" applyFill="1" applyBorder="1" applyAlignment="1">
      <alignment vertical="center" wrapText="1"/>
    </xf>
    <xf numFmtId="0" fontId="23" fillId="0" borderId="14" xfId="2" applyFont="1" applyFill="1" applyBorder="1" applyAlignment="1">
      <alignment horizontal="center" vertical="center"/>
    </xf>
    <xf numFmtId="0" fontId="2" fillId="0" borderId="0" xfId="1" applyFont="1" applyFill="1" applyBorder="1" applyAlignment="1">
      <alignment horizontal="center"/>
    </xf>
    <xf numFmtId="0" fontId="11" fillId="0" borderId="0" xfId="1" applyNumberFormat="1" applyFont="1" applyFill="1" applyBorder="1" applyAlignment="1">
      <alignment horizontal="left" vertical="center"/>
    </xf>
    <xf numFmtId="0" fontId="11" fillId="0" borderId="0" xfId="1" applyNumberFormat="1" applyFont="1" applyFill="1" applyAlignment="1">
      <alignment horizontal="center" vertical="center"/>
    </xf>
    <xf numFmtId="0" fontId="11" fillId="0" borderId="0" xfId="1" applyNumberFormat="1" applyFont="1" applyFill="1" applyAlignment="1">
      <alignment horizontal="center" vertical="center"/>
    </xf>
    <xf numFmtId="0" fontId="23" fillId="0" borderId="0" xfId="1" applyNumberFormat="1" applyFont="1" applyFill="1" applyBorder="1" applyAlignment="1">
      <alignment horizontal="center" vertical="center"/>
    </xf>
    <xf numFmtId="0" fontId="12" fillId="0" borderId="0" xfId="1" applyNumberFormat="1" applyFont="1" applyFill="1" applyBorder="1" applyAlignment="1">
      <alignment vertical="center"/>
    </xf>
    <xf numFmtId="0" fontId="21" fillId="0" borderId="2" xfId="1" applyNumberFormat="1" applyFont="1" applyFill="1" applyBorder="1" applyAlignment="1">
      <alignment horizontal="center" vertical="center"/>
    </xf>
    <xf numFmtId="0" fontId="15" fillId="0" borderId="0" xfId="1" applyNumberFormat="1" applyFont="1" applyFill="1" applyBorder="1" applyAlignment="1">
      <alignment horizontal="left" vertical="center" wrapText="1"/>
    </xf>
    <xf numFmtId="0" fontId="23" fillId="0" borderId="2" xfId="2" applyFont="1" applyFill="1" applyBorder="1" applyAlignment="1">
      <alignment horizontal="center" vertical="center"/>
    </xf>
    <xf numFmtId="0" fontId="23" fillId="0" borderId="2" xfId="2" applyNumberFormat="1" applyFont="1" applyFill="1" applyBorder="1" applyAlignment="1">
      <alignment horizontal="center" vertical="center"/>
    </xf>
    <xf numFmtId="0" fontId="23" fillId="0" borderId="0" xfId="2" applyNumberFormat="1" applyFont="1" applyFill="1" applyBorder="1" applyAlignment="1">
      <alignment horizontal="center" vertical="center"/>
    </xf>
    <xf numFmtId="0" fontId="21" fillId="0" borderId="2" xfId="1" applyFont="1" applyFill="1" applyBorder="1" applyAlignment="1">
      <alignment horizontal="center" vertical="center"/>
    </xf>
    <xf numFmtId="0" fontId="28" fillId="0" borderId="2" xfId="2" applyFont="1" applyFill="1" applyBorder="1" applyAlignment="1">
      <alignment horizontal="center" vertical="center"/>
    </xf>
    <xf numFmtId="0" fontId="11" fillId="0" borderId="0" xfId="2" applyFont="1" applyFill="1" applyBorder="1" applyAlignment="1">
      <alignment vertical="center" wrapText="1"/>
    </xf>
    <xf numFmtId="0" fontId="23" fillId="0" borderId="0" xfId="1" applyFont="1" applyFill="1" applyBorder="1" applyAlignment="1">
      <alignment horizontal="center" vertical="center"/>
    </xf>
    <xf numFmtId="0" fontId="14" fillId="0" borderId="0" xfId="1" applyFont="1" applyFill="1" applyBorder="1" applyAlignment="1">
      <alignment horizontal="left" vertical="center"/>
    </xf>
    <xf numFmtId="0" fontId="14" fillId="0" borderId="0" xfId="1" applyFont="1" applyFill="1" applyBorder="1" applyAlignment="1">
      <alignment horizontal="center" vertical="center"/>
    </xf>
    <xf numFmtId="0" fontId="11" fillId="0" borderId="0" xfId="1" applyNumberFormat="1" applyFont="1" applyFill="1" applyAlignment="1">
      <alignment horizontal="center" vertical="center"/>
    </xf>
    <xf numFmtId="0" fontId="11" fillId="0" borderId="2" xfId="1" applyFont="1" applyFill="1" applyBorder="1" applyAlignment="1">
      <alignment horizontal="left" vertical="center" wrapText="1"/>
    </xf>
    <xf numFmtId="0" fontId="14" fillId="0" borderId="2" xfId="1" applyFont="1" applyFill="1" applyBorder="1" applyAlignment="1">
      <alignment horizontal="center" vertical="center"/>
    </xf>
    <xf numFmtId="0" fontId="11" fillId="0" borderId="4" xfId="1" applyFont="1" applyFill="1" applyBorder="1" applyAlignment="1">
      <alignment horizontal="left" vertical="center" wrapText="1"/>
    </xf>
    <xf numFmtId="0" fontId="11" fillId="0" borderId="8" xfId="1" applyFont="1" applyFill="1" applyBorder="1" applyAlignment="1">
      <alignment horizontal="left" vertical="center" wrapText="1"/>
    </xf>
    <xf numFmtId="0" fontId="11" fillId="0" borderId="3" xfId="1" applyFont="1" applyFill="1" applyBorder="1" applyAlignment="1">
      <alignment horizontal="left" vertical="center" wrapText="1"/>
    </xf>
    <xf numFmtId="0" fontId="14" fillId="0" borderId="4" xfId="1" applyFont="1" applyFill="1" applyBorder="1" applyAlignment="1">
      <alignment horizontal="center" vertical="center"/>
    </xf>
    <xf numFmtId="0" fontId="14" fillId="0" borderId="8" xfId="1" applyFont="1" applyFill="1" applyBorder="1" applyAlignment="1">
      <alignment horizontal="center" vertical="center"/>
    </xf>
    <xf numFmtId="0" fontId="14" fillId="0" borderId="3" xfId="1" applyFont="1" applyFill="1" applyBorder="1" applyAlignment="1">
      <alignment horizontal="center" vertical="center"/>
    </xf>
    <xf numFmtId="0" fontId="19" fillId="0" borderId="2" xfId="2" applyFont="1" applyFill="1" applyBorder="1" applyAlignment="1">
      <alignment horizontal="left" vertical="center" wrapText="1"/>
    </xf>
    <xf numFmtId="0" fontId="14" fillId="0" borderId="2" xfId="2" applyFont="1" applyFill="1" applyBorder="1" applyAlignment="1">
      <alignment horizontal="center" vertical="center"/>
    </xf>
    <xf numFmtId="0" fontId="11" fillId="0" borderId="2" xfId="2" applyFont="1" applyFill="1" applyBorder="1" applyAlignment="1">
      <alignment vertical="center" wrapText="1"/>
    </xf>
    <xf numFmtId="0" fontId="23" fillId="0" borderId="2" xfId="2" applyFont="1" applyFill="1" applyBorder="1" applyAlignment="1">
      <alignment vertical="center" wrapText="1"/>
    </xf>
    <xf numFmtId="0" fontId="11" fillId="0" borderId="7" xfId="1" applyNumberFormat="1" applyFont="1" applyFill="1" applyBorder="1" applyAlignment="1">
      <alignment horizontal="left" vertical="center" wrapText="1"/>
    </xf>
    <xf numFmtId="0" fontId="11" fillId="0" borderId="9" xfId="1" applyNumberFormat="1" applyFont="1" applyFill="1" applyBorder="1" applyAlignment="1">
      <alignment horizontal="left" vertical="center" wrapText="1"/>
    </xf>
    <xf numFmtId="0" fontId="11" fillId="0" borderId="6" xfId="1" applyNumberFormat="1" applyFont="1" applyFill="1" applyBorder="1" applyAlignment="1">
      <alignment horizontal="left" vertical="center" wrapText="1"/>
    </xf>
    <xf numFmtId="0" fontId="14" fillId="0" borderId="7" xfId="1" applyFont="1" applyFill="1" applyBorder="1" applyAlignment="1">
      <alignment horizontal="center" vertical="center"/>
    </xf>
    <xf numFmtId="0" fontId="14" fillId="0" borderId="9" xfId="1" applyFont="1" applyFill="1" applyBorder="1" applyAlignment="1">
      <alignment horizontal="center" vertical="center"/>
    </xf>
    <xf numFmtId="0" fontId="14" fillId="0" borderId="6" xfId="1" applyFont="1" applyFill="1" applyBorder="1" applyAlignment="1">
      <alignment horizontal="center" vertical="center"/>
    </xf>
    <xf numFmtId="0" fontId="11" fillId="0" borderId="2" xfId="1" applyNumberFormat="1" applyFont="1" applyFill="1" applyBorder="1" applyAlignment="1">
      <alignment horizontal="left" vertical="center" wrapText="1"/>
    </xf>
    <xf numFmtId="0" fontId="2" fillId="0" borderId="2" xfId="1" applyFont="1" applyFill="1" applyBorder="1" applyAlignment="1">
      <alignment horizontal="center"/>
    </xf>
    <xf numFmtId="0" fontId="15" fillId="0" borderId="2" xfId="1" applyNumberFormat="1" applyFont="1" applyFill="1" applyBorder="1" applyAlignment="1">
      <alignment horizontal="left" vertical="center" wrapText="1"/>
    </xf>
    <xf numFmtId="0" fontId="2" fillId="0" borderId="2" xfId="2" applyFont="1" applyFill="1" applyBorder="1" applyAlignment="1">
      <alignment vertical="center" wrapText="1"/>
    </xf>
    <xf numFmtId="0" fontId="15" fillId="0" borderId="2" xfId="2" applyFont="1" applyFill="1" applyBorder="1" applyAlignment="1">
      <alignment horizontal="center" vertical="center"/>
    </xf>
    <xf numFmtId="0" fontId="19" fillId="0" borderId="2" xfId="2" applyFont="1" applyFill="1" applyBorder="1" applyAlignment="1">
      <alignment vertical="center" wrapText="1"/>
    </xf>
    <xf numFmtId="0" fontId="11" fillId="0" borderId="11" xfId="2" applyFont="1" applyFill="1" applyBorder="1" applyAlignment="1">
      <alignment vertical="center" wrapText="1"/>
    </xf>
    <xf numFmtId="0" fontId="2" fillId="0" borderId="12" xfId="2" applyFont="1" applyFill="1" applyBorder="1" applyAlignment="1">
      <alignment vertical="center" wrapText="1"/>
    </xf>
    <xf numFmtId="0" fontId="2" fillId="0" borderId="13" xfId="2" applyFont="1" applyFill="1" applyBorder="1" applyAlignment="1">
      <alignment vertical="center" wrapText="1"/>
    </xf>
    <xf numFmtId="0" fontId="14" fillId="0" borderId="11" xfId="2" applyFont="1" applyFill="1" applyBorder="1" applyAlignment="1">
      <alignment horizontal="center" vertical="center"/>
    </xf>
    <xf numFmtId="0" fontId="14" fillId="0" borderId="12" xfId="2" applyFont="1" applyFill="1" applyBorder="1" applyAlignment="1">
      <alignment horizontal="center" vertical="center"/>
    </xf>
    <xf numFmtId="0" fontId="14" fillId="0" borderId="13" xfId="2" applyFont="1" applyFill="1" applyBorder="1" applyAlignment="1">
      <alignment horizontal="center" vertical="center"/>
    </xf>
    <xf numFmtId="0" fontId="15" fillId="0" borderId="11" xfId="2" applyFont="1" applyFill="1" applyBorder="1" applyAlignment="1">
      <alignment horizontal="center" vertical="center"/>
    </xf>
    <xf numFmtId="0" fontId="15" fillId="0" borderId="12" xfId="2" applyFont="1" applyFill="1" applyBorder="1" applyAlignment="1">
      <alignment horizontal="center" vertical="center"/>
    </xf>
    <xf numFmtId="0" fontId="15" fillId="0" borderId="13" xfId="2" applyFont="1" applyFill="1" applyBorder="1" applyAlignment="1">
      <alignment horizontal="center" vertical="center"/>
    </xf>
    <xf numFmtId="0" fontId="11" fillId="0" borderId="2" xfId="1" applyNumberFormat="1" applyFont="1" applyFill="1" applyBorder="1" applyAlignment="1">
      <alignment horizontal="left" vertical="center"/>
    </xf>
    <xf numFmtId="0" fontId="14" fillId="0" borderId="2" xfId="1" applyFont="1" applyFill="1" applyBorder="1" applyAlignment="1">
      <alignment horizontal="left" vertical="center"/>
    </xf>
    <xf numFmtId="0" fontId="11" fillId="0" borderId="7" xfId="1" applyFont="1" applyFill="1" applyBorder="1" applyAlignment="1">
      <alignment horizontal="left" vertical="center" wrapText="1"/>
    </xf>
    <xf numFmtId="0" fontId="11" fillId="0" borderId="9" xfId="1" applyFont="1" applyFill="1" applyBorder="1" applyAlignment="1">
      <alignment horizontal="left" vertical="center" wrapText="1"/>
    </xf>
    <xf numFmtId="0" fontId="11" fillId="0" borderId="6" xfId="1" applyFont="1" applyFill="1" applyBorder="1" applyAlignment="1">
      <alignment horizontal="left" vertical="center" wrapText="1"/>
    </xf>
    <xf numFmtId="0" fontId="11" fillId="0" borderId="4" xfId="2" applyFont="1" applyFill="1" applyBorder="1" applyAlignment="1">
      <alignment vertical="center" wrapText="1"/>
    </xf>
    <xf numFmtId="0" fontId="11" fillId="0" borderId="8" xfId="2" applyFont="1" applyFill="1" applyBorder="1" applyAlignment="1">
      <alignment vertical="center" wrapText="1"/>
    </xf>
    <xf numFmtId="0" fontId="11" fillId="0" borderId="3" xfId="2" applyFont="1" applyFill="1" applyBorder="1" applyAlignment="1">
      <alignment vertical="center" wrapText="1"/>
    </xf>
    <xf numFmtId="0" fontId="14" fillId="0" borderId="4" xfId="2" applyFont="1" applyFill="1" applyBorder="1" applyAlignment="1">
      <alignment horizontal="center" vertical="center"/>
    </xf>
    <xf numFmtId="0" fontId="14" fillId="0" borderId="8" xfId="2" applyFont="1" applyFill="1" applyBorder="1" applyAlignment="1">
      <alignment horizontal="center" vertical="center"/>
    </xf>
    <xf numFmtId="0" fontId="14" fillId="0" borderId="3" xfId="2" applyFont="1" applyFill="1" applyBorder="1" applyAlignment="1">
      <alignment horizontal="center" vertical="center"/>
    </xf>
    <xf numFmtId="0" fontId="11" fillId="0" borderId="7" xfId="2" applyFont="1" applyFill="1" applyBorder="1" applyAlignment="1">
      <alignment vertical="center" wrapText="1"/>
    </xf>
    <xf numFmtId="0" fontId="11" fillId="0" borderId="9" xfId="2" applyFont="1" applyFill="1" applyBorder="1" applyAlignment="1">
      <alignment vertical="center" wrapText="1"/>
    </xf>
    <xf numFmtId="0" fontId="11" fillId="0" borderId="6" xfId="2" applyFont="1" applyFill="1" applyBorder="1" applyAlignment="1">
      <alignment vertical="center" wrapText="1"/>
    </xf>
    <xf numFmtId="0" fontId="15" fillId="0" borderId="7" xfId="2" applyFont="1" applyFill="1" applyBorder="1" applyAlignment="1">
      <alignment horizontal="center" vertical="center"/>
    </xf>
    <xf numFmtId="0" fontId="15" fillId="0" borderId="9" xfId="2" applyFont="1" applyFill="1" applyBorder="1" applyAlignment="1">
      <alignment horizontal="center" vertical="center"/>
    </xf>
    <xf numFmtId="0" fontId="15" fillId="0" borderId="6" xfId="2" applyFont="1" applyFill="1" applyBorder="1" applyAlignment="1">
      <alignment horizontal="center" vertical="center"/>
    </xf>
    <xf numFmtId="0" fontId="14" fillId="0" borderId="4" xfId="1" applyFont="1" applyFill="1" applyBorder="1" applyAlignment="1">
      <alignment horizontal="left" vertical="center"/>
    </xf>
    <xf numFmtId="0" fontId="14" fillId="0" borderId="8" xfId="1" applyFont="1" applyFill="1" applyBorder="1" applyAlignment="1">
      <alignment horizontal="left" vertical="center"/>
    </xf>
    <xf numFmtId="0" fontId="14" fillId="0" borderId="3" xfId="1" applyFont="1" applyFill="1" applyBorder="1" applyAlignment="1">
      <alignment horizontal="left" vertical="center"/>
    </xf>
    <xf numFmtId="0" fontId="11" fillId="0" borderId="2" xfId="1" applyFont="1" applyFill="1" applyBorder="1" applyAlignment="1">
      <alignment horizontal="left" vertical="center"/>
    </xf>
    <xf numFmtId="0" fontId="11" fillId="0" borderId="11" xfId="1" applyFont="1" applyFill="1" applyBorder="1" applyAlignment="1">
      <alignment horizontal="left" vertical="center" wrapText="1"/>
    </xf>
    <xf numFmtId="0" fontId="11" fillId="0" borderId="12" xfId="1" applyFont="1" applyFill="1" applyBorder="1" applyAlignment="1">
      <alignment horizontal="left" vertical="center" wrapText="1"/>
    </xf>
    <xf numFmtId="0" fontId="11" fillId="0" borderId="13" xfId="1" applyFont="1" applyFill="1" applyBorder="1" applyAlignment="1">
      <alignment horizontal="left" vertical="center" wrapText="1"/>
    </xf>
    <xf numFmtId="0" fontId="14" fillId="0" borderId="11" xfId="1" applyFont="1" applyFill="1" applyBorder="1" applyAlignment="1">
      <alignment horizontal="center" vertical="center"/>
    </xf>
    <xf numFmtId="0" fontId="14" fillId="0" borderId="12" xfId="1" applyFont="1" applyFill="1" applyBorder="1" applyAlignment="1">
      <alignment horizontal="center" vertical="center"/>
    </xf>
    <xf numFmtId="0" fontId="14" fillId="0" borderId="13" xfId="1" applyFont="1" applyFill="1" applyBorder="1" applyAlignment="1">
      <alignment horizontal="center" vertical="center"/>
    </xf>
    <xf numFmtId="0" fontId="15" fillId="0" borderId="0" xfId="1" applyNumberFormat="1" applyFont="1" applyFill="1" applyBorder="1" applyAlignment="1">
      <alignment horizontal="center" vertical="center"/>
    </xf>
    <xf numFmtId="0" fontId="14" fillId="0" borderId="0" xfId="1" applyFont="1" applyFill="1" applyBorder="1" applyAlignment="1">
      <alignment horizontal="center" vertical="center"/>
    </xf>
    <xf numFmtId="0" fontId="11" fillId="0" borderId="2" xfId="2" applyFont="1" applyFill="1" applyBorder="1" applyAlignment="1">
      <alignment horizontal="left" vertical="center" wrapText="1"/>
    </xf>
    <xf numFmtId="0" fontId="11" fillId="0" borderId="4" xfId="1" applyNumberFormat="1" applyFont="1" applyFill="1" applyBorder="1" applyAlignment="1">
      <alignment horizontal="left" vertical="center" wrapText="1"/>
    </xf>
    <xf numFmtId="0" fontId="11" fillId="0" borderId="8" xfId="1" applyNumberFormat="1" applyFont="1" applyFill="1" applyBorder="1" applyAlignment="1">
      <alignment horizontal="left" vertical="center" wrapText="1"/>
    </xf>
    <xf numFmtId="0" fontId="11" fillId="0" borderId="3" xfId="1" applyNumberFormat="1" applyFont="1" applyFill="1" applyBorder="1" applyAlignment="1">
      <alignment horizontal="left" vertical="center" wrapText="1"/>
    </xf>
    <xf numFmtId="0" fontId="3" fillId="0" borderId="0" xfId="1" applyNumberFormat="1" applyFont="1" applyFill="1" applyAlignment="1">
      <alignment horizontal="center"/>
    </xf>
    <xf numFmtId="0" fontId="6" fillId="0" borderId="0" xfId="1" applyNumberFormat="1" applyFont="1" applyFill="1" applyAlignment="1">
      <alignment horizontal="center" vertical="center"/>
    </xf>
    <xf numFmtId="0" fontId="8" fillId="0" borderId="11" xfId="1" applyNumberFormat="1" applyFont="1" applyFill="1" applyBorder="1" applyAlignment="1">
      <alignment horizontal="left" vertical="center"/>
    </xf>
    <xf numFmtId="0" fontId="8" fillId="0" borderId="12" xfId="1" applyNumberFormat="1" applyFont="1" applyFill="1" applyBorder="1" applyAlignment="1">
      <alignment horizontal="left" vertical="center"/>
    </xf>
    <xf numFmtId="0" fontId="9" fillId="0" borderId="1" xfId="1" applyNumberFormat="1" applyFont="1" applyFill="1" applyBorder="1" applyAlignment="1">
      <alignment horizontal="center" vertical="center"/>
    </xf>
    <xf numFmtId="0" fontId="9" fillId="0" borderId="0" xfId="1" applyNumberFormat="1" applyFont="1" applyFill="1" applyBorder="1" applyAlignment="1">
      <alignment horizontal="center" vertical="center"/>
    </xf>
    <xf numFmtId="0" fontId="9" fillId="0" borderId="16" xfId="1" applyNumberFormat="1" applyFont="1" applyFill="1" applyBorder="1" applyAlignment="1">
      <alignment horizontal="center" vertical="center"/>
    </xf>
    <xf numFmtId="0" fontId="9" fillId="0" borderId="7" xfId="1" applyNumberFormat="1" applyFont="1" applyFill="1" applyBorder="1" applyAlignment="1">
      <alignment horizontal="center" vertical="center"/>
    </xf>
    <xf numFmtId="0" fontId="9" fillId="0" borderId="9" xfId="1" applyNumberFormat="1" applyFont="1" applyFill="1" applyBorder="1" applyAlignment="1">
      <alignment horizontal="center" vertical="center"/>
    </xf>
    <xf numFmtId="0" fontId="9" fillId="0" borderId="18" xfId="1" applyNumberFormat="1" applyFont="1" applyFill="1" applyBorder="1" applyAlignment="1">
      <alignment horizontal="center" vertical="center"/>
    </xf>
    <xf numFmtId="0" fontId="10" fillId="0" borderId="17" xfId="1" applyNumberFormat="1" applyFont="1" applyFill="1" applyBorder="1" applyAlignment="1">
      <alignment horizontal="left" vertical="center"/>
    </xf>
    <xf numFmtId="0" fontId="10" fillId="0" borderId="0" xfId="1" applyNumberFormat="1" applyFont="1" applyFill="1" applyBorder="1" applyAlignment="1">
      <alignment horizontal="left" vertical="center"/>
    </xf>
    <xf numFmtId="0" fontId="10" fillId="0" borderId="10" xfId="1" applyNumberFormat="1" applyFont="1" applyFill="1" applyBorder="1" applyAlignment="1">
      <alignment horizontal="left" vertical="center"/>
    </xf>
    <xf numFmtId="0" fontId="10" fillId="0" borderId="19" xfId="1" applyNumberFormat="1" applyFont="1" applyFill="1" applyBorder="1" applyAlignment="1">
      <alignment horizontal="left" vertical="center"/>
    </xf>
    <xf numFmtId="0" fontId="10" fillId="0" borderId="9" xfId="1" applyNumberFormat="1" applyFont="1" applyFill="1" applyBorder="1" applyAlignment="1">
      <alignment horizontal="left" vertical="center"/>
    </xf>
    <xf numFmtId="0" fontId="10" fillId="0" borderId="6" xfId="1" applyNumberFormat="1" applyFont="1" applyFill="1" applyBorder="1" applyAlignment="1">
      <alignment horizontal="left" vertical="center"/>
    </xf>
    <xf numFmtId="0" fontId="15" fillId="0" borderId="11" xfId="1" applyNumberFormat="1" applyFont="1" applyFill="1" applyBorder="1" applyAlignment="1">
      <alignment horizontal="center" vertical="center"/>
    </xf>
    <xf numFmtId="0" fontId="15" fillId="0" borderId="12" xfId="1" applyNumberFormat="1" applyFont="1" applyFill="1" applyBorder="1" applyAlignment="1">
      <alignment horizontal="center" vertical="center"/>
    </xf>
    <xf numFmtId="0" fontId="15" fillId="0" borderId="13" xfId="1" applyNumberFormat="1" applyFont="1" applyFill="1" applyBorder="1" applyAlignment="1">
      <alignment horizontal="center" vertical="center"/>
    </xf>
    <xf numFmtId="0" fontId="15" fillId="0" borderId="20" xfId="1" applyNumberFormat="1" applyFont="1" applyFill="1" applyBorder="1" applyAlignment="1">
      <alignment horizontal="center" vertical="center"/>
    </xf>
    <xf numFmtId="0" fontId="15" fillId="0" borderId="21" xfId="1" applyNumberFormat="1" applyFont="1" applyFill="1" applyBorder="1" applyAlignment="1">
      <alignment horizontal="center" vertical="center"/>
    </xf>
    <xf numFmtId="0" fontId="15" fillId="0" borderId="22" xfId="1" applyNumberFormat="1" applyFont="1" applyFill="1" applyBorder="1" applyAlignment="1">
      <alignment horizontal="center" vertical="center"/>
    </xf>
    <xf numFmtId="0" fontId="12" fillId="0" borderId="11" xfId="1" applyNumberFormat="1" applyFont="1" applyFill="1" applyBorder="1" applyAlignment="1">
      <alignment horizontal="center" vertical="center" textRotation="255"/>
    </xf>
    <xf numFmtId="0" fontId="12" fillId="0" borderId="13" xfId="1" applyNumberFormat="1" applyFont="1" applyFill="1" applyBorder="1" applyAlignment="1">
      <alignment horizontal="center" vertical="center" textRotation="255"/>
    </xf>
    <xf numFmtId="0" fontId="12" fillId="0" borderId="1" xfId="1" applyNumberFormat="1" applyFont="1" applyFill="1" applyBorder="1" applyAlignment="1">
      <alignment horizontal="center" vertical="center" textRotation="255"/>
    </xf>
    <xf numFmtId="0" fontId="12" fillId="0" borderId="10" xfId="1" applyNumberFormat="1" applyFont="1" applyFill="1" applyBorder="1" applyAlignment="1">
      <alignment horizontal="center" vertical="center" textRotation="255"/>
    </xf>
    <xf numFmtId="0" fontId="12" fillId="0" borderId="7" xfId="1" applyNumberFormat="1" applyFont="1" applyFill="1" applyBorder="1" applyAlignment="1">
      <alignment horizontal="center" vertical="center" textRotation="255"/>
    </xf>
    <xf numFmtId="0" fontId="12" fillId="0" borderId="6" xfId="1" applyNumberFormat="1" applyFont="1" applyFill="1" applyBorder="1" applyAlignment="1">
      <alignment horizontal="center" vertical="center" textRotation="255"/>
    </xf>
    <xf numFmtId="0" fontId="2" fillId="0" borderId="4" xfId="1" applyFont="1" applyFill="1" applyBorder="1" applyAlignment="1">
      <alignment horizontal="center"/>
    </xf>
    <xf numFmtId="0" fontId="2" fillId="0" borderId="8" xfId="1" applyFont="1" applyFill="1" applyBorder="1" applyAlignment="1">
      <alignment horizontal="center"/>
    </xf>
    <xf numFmtId="0" fontId="2" fillId="0" borderId="3" xfId="1" applyFont="1" applyFill="1" applyBorder="1" applyAlignment="1">
      <alignment horizontal="center"/>
    </xf>
    <xf numFmtId="0" fontId="11" fillId="0" borderId="0" xfId="1" applyNumberFormat="1" applyFont="1" applyFill="1" applyAlignment="1">
      <alignment horizontal="center" vertical="center"/>
    </xf>
    <xf numFmtId="0" fontId="15" fillId="0" borderId="1" xfId="1" applyNumberFormat="1" applyFont="1" applyFill="1" applyBorder="1" applyAlignment="1">
      <alignment horizontal="center" vertical="center"/>
    </xf>
    <xf numFmtId="0" fontId="15" fillId="0" borderId="10" xfId="1" applyNumberFormat="1" applyFont="1" applyFill="1" applyBorder="1" applyAlignment="1">
      <alignment horizontal="center" vertical="center"/>
    </xf>
    <xf numFmtId="0" fontId="2" fillId="0" borderId="1" xfId="1" applyNumberFormat="1" applyFont="1" applyFill="1" applyBorder="1" applyAlignment="1">
      <alignment horizontal="left" vertical="center"/>
    </xf>
    <xf numFmtId="0" fontId="2" fillId="0" borderId="0" xfId="1" applyNumberFormat="1" applyFont="1" applyFill="1" applyAlignment="1">
      <alignment horizontal="left" vertical="center"/>
    </xf>
    <xf numFmtId="0" fontId="2" fillId="0" borderId="10" xfId="1" applyNumberFormat="1" applyFont="1" applyFill="1" applyBorder="1" applyAlignment="1">
      <alignment horizontal="left" vertical="center"/>
    </xf>
    <xf numFmtId="0" fontId="2" fillId="0" borderId="7" xfId="1" applyNumberFormat="1" applyFont="1" applyFill="1" applyBorder="1" applyAlignment="1">
      <alignment horizontal="left" vertical="center"/>
    </xf>
    <xf numFmtId="0" fontId="2" fillId="0" borderId="9" xfId="1" applyNumberFormat="1" applyFont="1" applyFill="1" applyBorder="1" applyAlignment="1">
      <alignment horizontal="left" vertical="center"/>
    </xf>
    <xf numFmtId="0" fontId="2" fillId="0" borderId="6" xfId="1" applyNumberFormat="1" applyFont="1" applyFill="1" applyBorder="1" applyAlignment="1">
      <alignment horizontal="left" vertical="center"/>
    </xf>
    <xf numFmtId="0" fontId="2" fillId="0" borderId="4" xfId="1" applyFont="1" applyFill="1" applyBorder="1" applyAlignment="1">
      <alignment horizontal="center" vertical="center"/>
    </xf>
    <xf numFmtId="0" fontId="2" fillId="0" borderId="8" xfId="1" applyFont="1" applyFill="1" applyBorder="1" applyAlignment="1">
      <alignment horizontal="center" vertical="center"/>
    </xf>
    <xf numFmtId="0" fontId="2" fillId="0" borderId="3" xfId="1" applyFont="1" applyFill="1" applyBorder="1" applyAlignment="1">
      <alignment horizontal="center" vertical="center"/>
    </xf>
    <xf numFmtId="0" fontId="11" fillId="0" borderId="11" xfId="1" applyNumberFormat="1" applyFont="1" applyFill="1" applyBorder="1" applyAlignment="1">
      <alignment horizontal="left" vertical="center" wrapText="1"/>
    </xf>
    <xf numFmtId="0" fontId="11" fillId="0" borderId="12" xfId="1" applyNumberFormat="1" applyFont="1" applyFill="1" applyBorder="1" applyAlignment="1">
      <alignment horizontal="left" vertical="center" wrapText="1"/>
    </xf>
    <xf numFmtId="0" fontId="11" fillId="0" borderId="13" xfId="1" applyNumberFormat="1" applyFont="1" applyFill="1" applyBorder="1" applyAlignment="1">
      <alignment horizontal="left" vertical="center" wrapText="1"/>
    </xf>
    <xf numFmtId="0" fontId="2" fillId="0" borderId="11" xfId="1" applyFont="1" applyFill="1" applyBorder="1" applyAlignment="1">
      <alignment horizontal="center"/>
    </xf>
    <xf numFmtId="0" fontId="2" fillId="0" borderId="12" xfId="1" applyFont="1" applyFill="1" applyBorder="1" applyAlignment="1">
      <alignment horizontal="center"/>
    </xf>
    <xf numFmtId="0" fontId="2" fillId="0" borderId="13" xfId="1" applyFont="1" applyFill="1" applyBorder="1" applyAlignment="1">
      <alignment horizontal="center"/>
    </xf>
    <xf numFmtId="0" fontId="16" fillId="0" borderId="11" xfId="1" applyNumberFormat="1" applyFont="1" applyFill="1" applyBorder="1" applyAlignment="1">
      <alignment horizontal="left" vertical="center"/>
    </xf>
    <xf numFmtId="0" fontId="16" fillId="0" borderId="12" xfId="1" applyNumberFormat="1" applyFont="1" applyFill="1" applyBorder="1" applyAlignment="1">
      <alignment horizontal="left" vertical="center"/>
    </xf>
    <xf numFmtId="0" fontId="16" fillId="0" borderId="13" xfId="1" applyNumberFormat="1" applyFont="1" applyFill="1" applyBorder="1" applyAlignment="1">
      <alignment horizontal="left" vertical="center"/>
    </xf>
    <xf numFmtId="0" fontId="16" fillId="0" borderId="20" xfId="1" applyNumberFormat="1" applyFont="1" applyFill="1" applyBorder="1" applyAlignment="1">
      <alignment horizontal="left" vertical="center"/>
    </xf>
    <xf numFmtId="0" fontId="16" fillId="0" borderId="21" xfId="1" applyNumberFormat="1" applyFont="1" applyFill="1" applyBorder="1" applyAlignment="1">
      <alignment horizontal="left" vertical="center"/>
    </xf>
    <xf numFmtId="0" fontId="16" fillId="0" borderId="22" xfId="1" applyNumberFormat="1" applyFont="1" applyFill="1" applyBorder="1" applyAlignment="1">
      <alignment horizontal="left" vertical="center"/>
    </xf>
    <xf numFmtId="0" fontId="18" fillId="0" borderId="23" xfId="1" applyNumberFormat="1" applyFont="1" applyFill="1" applyBorder="1" applyAlignment="1">
      <alignment horizontal="left" vertical="center"/>
    </xf>
    <xf numFmtId="0" fontId="18" fillId="0" borderId="24" xfId="1" applyNumberFormat="1" applyFont="1" applyFill="1" applyBorder="1" applyAlignment="1">
      <alignment horizontal="left" vertical="center"/>
    </xf>
    <xf numFmtId="0" fontId="18" fillId="0" borderId="25" xfId="1" applyNumberFormat="1" applyFont="1" applyFill="1" applyBorder="1" applyAlignment="1">
      <alignment horizontal="left" vertical="center"/>
    </xf>
    <xf numFmtId="0" fontId="18" fillId="0" borderId="1" xfId="1" applyNumberFormat="1" applyFont="1" applyFill="1" applyBorder="1" applyAlignment="1">
      <alignment horizontal="left" vertical="center"/>
    </xf>
    <xf numFmtId="0" fontId="18" fillId="0" borderId="0" xfId="1" applyNumberFormat="1" applyFont="1" applyFill="1" applyAlignment="1">
      <alignment horizontal="left" vertical="center"/>
    </xf>
    <xf numFmtId="0" fontId="18" fillId="0" borderId="10" xfId="1" applyNumberFormat="1" applyFont="1" applyFill="1" applyBorder="1" applyAlignment="1">
      <alignment horizontal="left" vertical="center"/>
    </xf>
    <xf numFmtId="0" fontId="18" fillId="0" borderId="7" xfId="1" applyNumberFormat="1" applyFont="1" applyFill="1" applyBorder="1" applyAlignment="1">
      <alignment horizontal="left" vertical="center"/>
    </xf>
    <xf numFmtId="0" fontId="18" fillId="0" borderId="9" xfId="1" applyNumberFormat="1" applyFont="1" applyFill="1" applyBorder="1" applyAlignment="1">
      <alignment horizontal="left" vertical="center"/>
    </xf>
    <xf numFmtId="0" fontId="18" fillId="0" borderId="6" xfId="1" applyNumberFormat="1" applyFont="1" applyFill="1" applyBorder="1" applyAlignment="1">
      <alignment horizontal="left" vertical="center"/>
    </xf>
    <xf numFmtId="0" fontId="19" fillId="0" borderId="11" xfId="1" applyNumberFormat="1" applyFont="1" applyFill="1" applyBorder="1" applyAlignment="1">
      <alignment horizontal="left" vertical="center"/>
    </xf>
    <xf numFmtId="0" fontId="19" fillId="0" borderId="12" xfId="1" applyNumberFormat="1" applyFont="1" applyFill="1" applyBorder="1" applyAlignment="1">
      <alignment horizontal="left" vertical="center"/>
    </xf>
    <xf numFmtId="0" fontId="19" fillId="0" borderId="12" xfId="1" applyNumberFormat="1" applyFont="1" applyFill="1" applyBorder="1" applyAlignment="1">
      <alignment horizontal="center" vertical="center"/>
    </xf>
    <xf numFmtId="0" fontId="20" fillId="0" borderId="12" xfId="1" applyNumberFormat="1" applyFont="1" applyFill="1" applyBorder="1" applyAlignment="1">
      <alignment horizontal="center" vertical="center"/>
    </xf>
    <xf numFmtId="0" fontId="20" fillId="0" borderId="13" xfId="1" applyNumberFormat="1" applyFont="1" applyFill="1" applyBorder="1" applyAlignment="1">
      <alignment horizontal="center" vertical="center"/>
    </xf>
    <xf numFmtId="0" fontId="2" fillId="0" borderId="0" xfId="1" applyFont="1" applyFill="1" applyBorder="1" applyAlignment="1">
      <alignment horizontal="center" vertical="center"/>
    </xf>
    <xf numFmtId="0" fontId="15" fillId="0" borderId="4" xfId="1" applyNumberFormat="1" applyFont="1" applyFill="1" applyBorder="1" applyAlignment="1">
      <alignment horizontal="left" vertical="center" wrapText="1"/>
    </xf>
    <xf numFmtId="0" fontId="15" fillId="0" borderId="8" xfId="1" applyNumberFormat="1" applyFont="1" applyFill="1" applyBorder="1" applyAlignment="1">
      <alignment horizontal="left" vertical="center" wrapText="1"/>
    </xf>
    <xf numFmtId="0" fontId="15" fillId="0" borderId="3" xfId="1" applyNumberFormat="1" applyFont="1" applyFill="1" applyBorder="1" applyAlignment="1">
      <alignment horizontal="left" vertical="center" wrapText="1"/>
    </xf>
  </cellXfs>
  <cellStyles count="4">
    <cellStyle name="標準" xfId="0" builtinId="0"/>
    <cellStyle name="標準 2" xfId="2"/>
    <cellStyle name="標準 2 2" xfId="3"/>
    <cellStyle name="標準_コピーCT279ID2202N16" xfId="1"/>
  </cellStyles>
  <dxfs count="0"/>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21</xdr:row>
      <xdr:rowOff>114300</xdr:rowOff>
    </xdr:from>
    <xdr:to>
      <xdr:col>10</xdr:col>
      <xdr:colOff>0</xdr:colOff>
      <xdr:row>24</xdr:row>
      <xdr:rowOff>66675</xdr:rowOff>
    </xdr:to>
    <xdr:sp macro="" textlink="">
      <xdr:nvSpPr>
        <xdr:cNvPr id="2" name="AutoShape 1"/>
        <xdr:cNvSpPr>
          <a:spLocks noChangeArrowheads="1"/>
        </xdr:cNvSpPr>
      </xdr:nvSpPr>
      <xdr:spPr bwMode="auto">
        <a:xfrm>
          <a:off x="0" y="4806043"/>
          <a:ext cx="3080657" cy="442232"/>
        </a:xfrm>
        <a:prstGeom prst="bevel">
          <a:avLst>
            <a:gd name="adj" fmla="val 13042"/>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１．基本的事項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51</xdr:row>
      <xdr:rowOff>33130</xdr:rowOff>
    </xdr:from>
    <xdr:to>
      <xdr:col>10</xdr:col>
      <xdr:colOff>7620</xdr:colOff>
      <xdr:row>53</xdr:row>
      <xdr:rowOff>137905</xdr:rowOff>
    </xdr:to>
    <xdr:sp macro="" textlink="">
      <xdr:nvSpPr>
        <xdr:cNvPr id="5" name="AutoShape 4"/>
        <xdr:cNvSpPr>
          <a:spLocks noChangeArrowheads="1"/>
        </xdr:cNvSpPr>
      </xdr:nvSpPr>
      <xdr:spPr bwMode="auto">
        <a:xfrm>
          <a:off x="19051" y="1520455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３．職員の配置・研修等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oneCellAnchor>
    <xdr:from>
      <xdr:col>0</xdr:col>
      <xdr:colOff>9525</xdr:colOff>
      <xdr:row>16</xdr:row>
      <xdr:rowOff>45718</xdr:rowOff>
    </xdr:from>
    <xdr:ext cx="6144202" cy="1478281"/>
    <xdr:sp macro="" textlink="">
      <xdr:nvSpPr>
        <xdr:cNvPr id="7" name="AutoShape 11"/>
        <xdr:cNvSpPr>
          <a:spLocks noChangeArrowheads="1"/>
        </xdr:cNvSpPr>
      </xdr:nvSpPr>
      <xdr:spPr bwMode="auto">
        <a:xfrm>
          <a:off x="9525" y="5275809"/>
          <a:ext cx="6144202" cy="1478281"/>
        </a:xfrm>
        <a:prstGeom prst="foldedCorner">
          <a:avLst>
            <a:gd name="adj" fmla="val 12500"/>
          </a:avLst>
        </a:prstGeom>
        <a:solidFill>
          <a:srgbClr val="FFFFFF"/>
        </a:solidFill>
        <a:ln w="9525">
          <a:solidFill>
            <a:srgbClr val="000000"/>
          </a:solidFill>
          <a:round/>
          <a:headEnd/>
          <a:tailEnd/>
        </a:ln>
      </xdr:spPr>
      <xdr:txBody>
        <a:bodyPr vertOverflow="clip" wrap="square" lIns="75600" tIns="115200" rIns="75600" bIns="7200" anchor="ctr" upright="1">
          <a:noAutofit/>
        </a:bodyPr>
        <a:lstStyle/>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以下の点検項目について、記載のとおり実施している場合は回答欄に「○」を、記載のとおり実施していない場合は「</a:t>
          </a:r>
          <a:r>
            <a:rPr lang="en-US" altLang="ja-JP" sz="1400" b="0" i="0" u="none" strike="noStrike" baseline="0">
              <a:solidFill>
                <a:srgbClr val="000000"/>
              </a:solidFill>
              <a:latin typeface="ＭＳ Ｐゴシック" panose="020B0600070205080204" pitchFamily="50" charset="-128"/>
              <a:ea typeface="ＭＳ Ｐゴシック" panose="020B0600070205080204" pitchFamily="50" charset="-128"/>
            </a:rPr>
            <a:t>×</a:t>
          </a: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を記入してください。</a:t>
          </a:r>
        </a:p>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なお、点検項目に該当しない場合は、斜線を引いてください。</a:t>
          </a:r>
        </a:p>
        <a:p>
          <a:pPr algn="l" rtl="0">
            <a:defRPr sz="1000"/>
          </a:pP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　点検した結果、「</a:t>
          </a:r>
          <a:r>
            <a:rPr lang="en-US" altLang="ja-JP" sz="1400" b="0" i="0" u="none" strike="noStrike" baseline="0">
              <a:solidFill>
                <a:srgbClr val="000000"/>
              </a:solidFill>
              <a:latin typeface="ＭＳ Ｐゴシック" panose="020B0600070205080204" pitchFamily="50" charset="-128"/>
              <a:ea typeface="ＭＳ Ｐゴシック" panose="020B0600070205080204" pitchFamily="50" charset="-128"/>
            </a:rPr>
            <a:t>×</a:t>
          </a:r>
          <a:r>
            <a:rPr lang="ja-JP" altLang="en-US" sz="1400" b="0" i="0" u="none" strike="noStrike" baseline="0">
              <a:solidFill>
                <a:srgbClr val="000000"/>
              </a:solidFill>
              <a:latin typeface="ＭＳ Ｐゴシック" panose="020B0600070205080204" pitchFamily="50" charset="-128"/>
              <a:ea typeface="ＭＳ Ｐゴシック" panose="020B0600070205080204" pitchFamily="50" charset="-128"/>
            </a:rPr>
            <a:t>」と回答した項目は基準等に違反している状態です。速やかに基準等を満たすよう改善してください。</a:t>
          </a:r>
        </a:p>
      </xdr:txBody>
    </xdr:sp>
    <xdr:clientData/>
  </xdr:oneCellAnchor>
  <xdr:twoCellAnchor>
    <xdr:from>
      <xdr:col>0</xdr:col>
      <xdr:colOff>2</xdr:colOff>
      <xdr:row>31</xdr:row>
      <xdr:rowOff>81643</xdr:rowOff>
    </xdr:from>
    <xdr:to>
      <xdr:col>10</xdr:col>
      <xdr:colOff>10887</xdr:colOff>
      <xdr:row>34</xdr:row>
      <xdr:rowOff>5443</xdr:rowOff>
    </xdr:to>
    <xdr:sp macro="" textlink="">
      <xdr:nvSpPr>
        <xdr:cNvPr id="8" name="AutoShape 12"/>
        <xdr:cNvSpPr>
          <a:spLocks noChangeArrowheads="1"/>
        </xdr:cNvSpPr>
      </xdr:nvSpPr>
      <xdr:spPr bwMode="auto">
        <a:xfrm>
          <a:off x="2" y="8953500"/>
          <a:ext cx="3091542" cy="413657"/>
        </a:xfrm>
        <a:prstGeom prst="bevel">
          <a:avLst>
            <a:gd name="adj" fmla="val 13042"/>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２．防火安全対策について</a:t>
          </a: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00</xdr:colOff>
      <xdr:row>237</xdr:row>
      <xdr:rowOff>144781</xdr:rowOff>
    </xdr:from>
    <xdr:to>
      <xdr:col>26</xdr:col>
      <xdr:colOff>153489</xdr:colOff>
      <xdr:row>248</xdr:row>
      <xdr:rowOff>129540</xdr:rowOff>
    </xdr:to>
    <xdr:sp macro="" textlink="">
      <xdr:nvSpPr>
        <xdr:cNvPr id="11" name="PubCross"/>
        <xdr:cNvSpPr>
          <a:spLocks noEditPoints="1" noChangeArrowheads="1"/>
        </xdr:cNvSpPr>
      </xdr:nvSpPr>
      <xdr:spPr bwMode="auto">
        <a:xfrm>
          <a:off x="190500" y="72169021"/>
          <a:ext cx="7377249" cy="1744979"/>
        </a:xfrm>
        <a:custGeom>
          <a:avLst/>
          <a:gdLst>
            <a:gd name="G0" fmla="+- 0 0 0"/>
            <a:gd name="G1" fmla="+- 0 0 0"/>
            <a:gd name="G2" fmla="+- 21600 0 0"/>
            <a:gd name="G3" fmla="+- 5400 0 0"/>
            <a:gd name="G4" fmla="+- 21600 0 5400"/>
            <a:gd name="T0" fmla="*/ 10800 w 21600"/>
            <a:gd name="T1" fmla="*/ 0 h 21600"/>
            <a:gd name="T2" fmla="*/ 0 w 21600"/>
            <a:gd name="T3" fmla="*/ 10800 h 21600"/>
            <a:gd name="T4" fmla="*/ 10800 w 21600"/>
            <a:gd name="T5" fmla="*/ 21600 h 21600"/>
            <a:gd name="T6" fmla="*/ 21600 w 21600"/>
            <a:gd name="T7" fmla="*/ 10800 h 21600"/>
            <a:gd name="T8" fmla="*/ G1 w 21600"/>
            <a:gd name="T9" fmla="*/ G3 h 21600"/>
            <a:gd name="T10" fmla="*/ G2 w 21600"/>
            <a:gd name="T11" fmla="*/ G4 h 21600"/>
          </a:gdLst>
          <a:ahLst/>
          <a:cxnLst>
            <a:cxn ang="0">
              <a:pos x="T0" y="T1"/>
            </a:cxn>
            <a:cxn ang="0">
              <a:pos x="T2" y="T3"/>
            </a:cxn>
            <a:cxn ang="0">
              <a:pos x="T4" y="T5"/>
            </a:cxn>
            <a:cxn ang="0">
              <a:pos x="T6" y="T7"/>
            </a:cxn>
          </a:cxnLst>
          <a:rect l="T8" t="T9" r="T10" b="T11"/>
          <a:pathLst>
            <a:path w="21600" h="21600">
              <a:moveTo>
                <a:pt x="0" y="0"/>
              </a:moveTo>
              <a:lnTo>
                <a:pt x="0" y="5400"/>
              </a:lnTo>
              <a:lnTo>
                <a:pt x="0" y="5400"/>
              </a:lnTo>
              <a:lnTo>
                <a:pt x="0" y="16200"/>
              </a:lnTo>
              <a:lnTo>
                <a:pt x="0" y="16200"/>
              </a:lnTo>
              <a:lnTo>
                <a:pt x="0" y="21600"/>
              </a:lnTo>
              <a:lnTo>
                <a:pt x="21600" y="21600"/>
              </a:lnTo>
              <a:lnTo>
                <a:pt x="21600" y="16200"/>
              </a:lnTo>
              <a:lnTo>
                <a:pt x="21600" y="16200"/>
              </a:lnTo>
              <a:lnTo>
                <a:pt x="21600" y="5400"/>
              </a:lnTo>
              <a:lnTo>
                <a:pt x="21600" y="5400"/>
              </a:lnTo>
              <a:lnTo>
                <a:pt x="21600" y="0"/>
              </a:lnTo>
              <a:close/>
            </a:path>
          </a:pathLst>
        </a:custGeom>
        <a:solidFill>
          <a:srgbClr val="D8EBB3"/>
        </a:solidFill>
        <a:ln w="9525">
          <a:solidFill>
            <a:srgbClr val="000000"/>
          </a:solidFill>
          <a:miter lim="800000"/>
          <a:headEnd/>
          <a:tailEnd/>
        </a:ln>
        <a:effectLst>
          <a:outerShdw dist="107763" dir="2700000" algn="ctr" rotWithShape="0">
            <a:srgbClr val="808080"/>
          </a:outerShdw>
        </a:effectLst>
      </xdr:spPr>
      <xdr:txBody>
        <a:bodyPr vertOverflow="clip" wrap="square" lIns="90000" tIns="72000" rIns="90000" bIns="46800" anchor="ctr" upright="1"/>
        <a:lstStyle/>
        <a:p>
          <a:pPr algn="ctr" rtl="0">
            <a:defRPr sz="1000"/>
          </a:pPr>
          <a:r>
            <a:rPr lang="ja-JP" altLang="en-US" sz="2000" b="1" i="0" u="none" strike="noStrike" baseline="0">
              <a:solidFill>
                <a:srgbClr val="000000"/>
              </a:solidFill>
              <a:latin typeface="ＭＳ ゴシック"/>
              <a:ea typeface="ＭＳ ゴシック"/>
            </a:rPr>
            <a:t>以上で、運営状況点検は終了です。</a:t>
          </a:r>
        </a:p>
        <a:p>
          <a:pPr algn="ctr" rtl="0">
            <a:defRPr sz="1000"/>
          </a:pPr>
          <a:r>
            <a:rPr lang="ja-JP" altLang="en-US" sz="2000" b="1" i="0" u="none" strike="noStrike" baseline="0">
              <a:solidFill>
                <a:srgbClr val="000000"/>
              </a:solidFill>
              <a:latin typeface="ＭＳ ゴシック"/>
              <a:ea typeface="ＭＳ ゴシック"/>
            </a:rPr>
            <a:t>お疲れ様でした。</a:t>
          </a:r>
        </a:p>
      </xdr:txBody>
    </xdr:sp>
    <xdr:clientData/>
  </xdr:twoCellAnchor>
  <xdr:twoCellAnchor>
    <xdr:from>
      <xdr:col>0</xdr:col>
      <xdr:colOff>19051</xdr:colOff>
      <xdr:row>71</xdr:row>
      <xdr:rowOff>33130</xdr:rowOff>
    </xdr:from>
    <xdr:to>
      <xdr:col>10</xdr:col>
      <xdr:colOff>7620</xdr:colOff>
      <xdr:row>73</xdr:row>
      <xdr:rowOff>137905</xdr:rowOff>
    </xdr:to>
    <xdr:sp macro="" textlink="">
      <xdr:nvSpPr>
        <xdr:cNvPr id="9" name="AutoShape 4"/>
        <xdr:cNvSpPr>
          <a:spLocks noChangeArrowheads="1"/>
        </xdr:cNvSpPr>
      </xdr:nvSpPr>
      <xdr:spPr bwMode="auto">
        <a:xfrm>
          <a:off x="19051" y="1520455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４．契約と利用料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09</xdr:row>
      <xdr:rowOff>33130</xdr:rowOff>
    </xdr:from>
    <xdr:to>
      <xdr:col>10</xdr:col>
      <xdr:colOff>7620</xdr:colOff>
      <xdr:row>111</xdr:row>
      <xdr:rowOff>137905</xdr:rowOff>
    </xdr:to>
    <xdr:sp macro="" textlink="">
      <xdr:nvSpPr>
        <xdr:cNvPr id="10" name="AutoShape 4"/>
        <xdr:cNvSpPr>
          <a:spLocks noChangeArrowheads="1"/>
        </xdr:cNvSpPr>
      </xdr:nvSpPr>
      <xdr:spPr bwMode="auto">
        <a:xfrm>
          <a:off x="19051" y="2171203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５．高齢者虐待の防止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19</xdr:row>
      <xdr:rowOff>33130</xdr:rowOff>
    </xdr:from>
    <xdr:to>
      <xdr:col>10</xdr:col>
      <xdr:colOff>7620</xdr:colOff>
      <xdr:row>121</xdr:row>
      <xdr:rowOff>137905</xdr:rowOff>
    </xdr:to>
    <xdr:sp macro="" textlink="">
      <xdr:nvSpPr>
        <xdr:cNvPr id="12" name="AutoShape 4"/>
        <xdr:cNvSpPr>
          <a:spLocks noChangeArrowheads="1"/>
        </xdr:cNvSpPr>
      </xdr:nvSpPr>
      <xdr:spPr bwMode="auto">
        <a:xfrm>
          <a:off x="19051" y="3641101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６．身体的拘束等の廃止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28</xdr:row>
      <xdr:rowOff>33130</xdr:rowOff>
    </xdr:from>
    <xdr:to>
      <xdr:col>10</xdr:col>
      <xdr:colOff>7620</xdr:colOff>
      <xdr:row>130</xdr:row>
      <xdr:rowOff>137905</xdr:rowOff>
    </xdr:to>
    <xdr:sp macro="" textlink="">
      <xdr:nvSpPr>
        <xdr:cNvPr id="13" name="AutoShape 4"/>
        <xdr:cNvSpPr>
          <a:spLocks noChangeArrowheads="1"/>
        </xdr:cNvSpPr>
      </xdr:nvSpPr>
      <xdr:spPr bwMode="auto">
        <a:xfrm>
          <a:off x="19051" y="3975619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７．苦情対応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36</xdr:row>
      <xdr:rowOff>33130</xdr:rowOff>
    </xdr:from>
    <xdr:to>
      <xdr:col>10</xdr:col>
      <xdr:colOff>7620</xdr:colOff>
      <xdr:row>138</xdr:row>
      <xdr:rowOff>137905</xdr:rowOff>
    </xdr:to>
    <xdr:sp macro="" textlink="">
      <xdr:nvSpPr>
        <xdr:cNvPr id="14" name="AutoShape 4"/>
        <xdr:cNvSpPr>
          <a:spLocks noChangeArrowheads="1"/>
        </xdr:cNvSpPr>
      </xdr:nvSpPr>
      <xdr:spPr bwMode="auto">
        <a:xfrm>
          <a:off x="19051" y="4374907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８．事故対応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160</xdr:row>
      <xdr:rowOff>33130</xdr:rowOff>
    </xdr:from>
    <xdr:to>
      <xdr:col>10</xdr:col>
      <xdr:colOff>7620</xdr:colOff>
      <xdr:row>162</xdr:row>
      <xdr:rowOff>137905</xdr:rowOff>
    </xdr:to>
    <xdr:sp macro="" textlink="">
      <xdr:nvSpPr>
        <xdr:cNvPr id="15" name="AutoShape 4"/>
        <xdr:cNvSpPr>
          <a:spLocks noChangeArrowheads="1"/>
        </xdr:cNvSpPr>
      </xdr:nvSpPr>
      <xdr:spPr bwMode="auto">
        <a:xfrm>
          <a:off x="19051" y="49913650"/>
          <a:ext cx="308990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ja-JP" altLang="en-US" sz="1400" b="1" i="0" u="none" strike="noStrike" baseline="0">
              <a:solidFill>
                <a:srgbClr val="000000"/>
              </a:solidFill>
              <a:latin typeface="ＭＳ ゴシック"/>
              <a:ea typeface="ＭＳ ゴシック"/>
            </a:rPr>
            <a:t>９．サービス等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16</xdr:row>
      <xdr:rowOff>33130</xdr:rowOff>
    </xdr:from>
    <xdr:to>
      <xdr:col>10</xdr:col>
      <xdr:colOff>7620</xdr:colOff>
      <xdr:row>218</xdr:row>
      <xdr:rowOff>137905</xdr:rowOff>
    </xdr:to>
    <xdr:sp macro="" textlink="">
      <xdr:nvSpPr>
        <xdr:cNvPr id="16" name="AutoShape 4"/>
        <xdr:cNvSpPr>
          <a:spLocks noChangeArrowheads="1"/>
        </xdr:cNvSpPr>
      </xdr:nvSpPr>
      <xdr:spPr bwMode="auto">
        <a:xfrm>
          <a:off x="19051" y="60215890"/>
          <a:ext cx="308228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0</a:t>
          </a:r>
          <a:r>
            <a:rPr lang="ja-JP" altLang="en-US" sz="1400" b="1" i="0" u="none" strike="noStrike" baseline="0">
              <a:solidFill>
                <a:srgbClr val="000000"/>
              </a:solidFill>
              <a:latin typeface="ＭＳ ゴシック"/>
              <a:ea typeface="ＭＳ ゴシック"/>
            </a:rPr>
            <a:t>．事業変更の届出について</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twoCellAnchor>
    <xdr:from>
      <xdr:col>0</xdr:col>
      <xdr:colOff>19051</xdr:colOff>
      <xdr:row>223</xdr:row>
      <xdr:rowOff>33130</xdr:rowOff>
    </xdr:from>
    <xdr:to>
      <xdr:col>10</xdr:col>
      <xdr:colOff>7620</xdr:colOff>
      <xdr:row>225</xdr:row>
      <xdr:rowOff>137905</xdr:rowOff>
    </xdr:to>
    <xdr:sp macro="" textlink="">
      <xdr:nvSpPr>
        <xdr:cNvPr id="17" name="AutoShape 4"/>
        <xdr:cNvSpPr>
          <a:spLocks noChangeArrowheads="1"/>
        </xdr:cNvSpPr>
      </xdr:nvSpPr>
      <xdr:spPr bwMode="auto">
        <a:xfrm>
          <a:off x="19051" y="80629870"/>
          <a:ext cx="3082289" cy="424815"/>
        </a:xfrm>
        <a:prstGeom prst="bevel">
          <a:avLst>
            <a:gd name="adj" fmla="val 12500"/>
          </a:avLst>
        </a:prstGeom>
        <a:solidFill>
          <a:srgbClr val="C0C0C0">
            <a:alpha val="49001"/>
          </a:srgbClr>
        </a:solidFill>
        <a:ln w="9525">
          <a:solidFill>
            <a:srgbClr val="000000"/>
          </a:solidFill>
          <a:miter lim="800000"/>
          <a:headEnd/>
          <a:tailEnd/>
        </a:ln>
      </xdr:spPr>
      <xdr:txBody>
        <a:bodyPr vertOverflow="clip" wrap="square" lIns="75600" tIns="36000" rIns="75600" bIns="0" anchor="t" upright="1"/>
        <a:lstStyle/>
        <a:p>
          <a:pPr algn="l" rtl="0">
            <a:defRPr sz="1000"/>
          </a:pPr>
          <a:r>
            <a:rPr lang="en-US" altLang="ja-JP" sz="1400" b="1" i="0" u="none" strike="noStrike" baseline="0">
              <a:solidFill>
                <a:srgbClr val="000000"/>
              </a:solidFill>
              <a:latin typeface="ＭＳ ゴシック"/>
              <a:ea typeface="ＭＳ ゴシック"/>
            </a:rPr>
            <a:t>11</a:t>
          </a:r>
          <a:r>
            <a:rPr lang="ja-JP" altLang="en-US" sz="1400" b="1" i="0" u="none" strike="noStrike" baseline="0">
              <a:solidFill>
                <a:srgbClr val="000000"/>
              </a:solidFill>
              <a:latin typeface="ＭＳ ゴシック"/>
              <a:ea typeface="ＭＳ ゴシック"/>
            </a:rPr>
            <a:t>．その他</a:t>
          </a:r>
          <a:endParaRPr lang="ja-JP" altLang="en-US" sz="1600" b="0" i="0" u="none" strike="noStrike" baseline="0">
            <a:solidFill>
              <a:srgbClr val="000000"/>
            </a:solidFill>
            <a:latin typeface="Times New Roman"/>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ec\s1393\&#20445;&#20581;&#12539;&#23621;&#20303;G\12_&#29305;&#23450;&#26045;&#35373;&#20837;&#23621;&#32773;&#29983;&#27963;&#20171;&#35703;\02_&#20171;&#35703;&#20445;&#38522;&#20107;&#26989;&#32773;&#25351;&#23566;\03_&#38598;&#22243;&#25351;&#23566;&#35611;&#32722;&#20250;&#12539;&#36939;&#21942;&#12398;&#25163;&#24341;&#12365;&#31561;\R05\&#25163;&#24341;&#12365;&#12539;&#28857;&#26908;&#26360;\01_&#36939;&#21942;&#12398;&#25163;&#24341;&#12365;\R5&#36215;&#26696;\&#65288;&#26696;&#12398;10&#65289;&#65288;&#35211;&#12360;&#28040;&#12375;&#65289;R5&#12304;&#26045;&#34892;&#12305;&#19968;&#33324;&#22411;&#12288;&#28857;&#26908;&#26360;%2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05運営状況点検書（特定施設）"/>
      <sheetName val="利用者数一覧表"/>
      <sheetName val="従業者の勤務の体制及び勤務形態一覧表"/>
      <sheetName val="【記載例】従業者の勤務の体制及び勤務形態一覧表"/>
      <sheetName val="【記載例】シフト記号表（勤務時間帯）"/>
      <sheetName val="シフト記号表"/>
      <sheetName val="記入方法"/>
      <sheetName val="プルダウン・リスト"/>
    </sheetNames>
    <sheetDataSet>
      <sheetData sheetId="0"/>
      <sheetData sheetId="1"/>
      <sheetData sheetId="2"/>
      <sheetData sheetId="3"/>
      <sheetData sheetId="4">
        <row r="6">
          <cell r="C6" t="str">
            <v>a</v>
          </cell>
        </row>
        <row r="7">
          <cell r="C7" t="str">
            <v>b</v>
          </cell>
        </row>
        <row r="8">
          <cell r="C8" t="str">
            <v>c</v>
          </cell>
        </row>
        <row r="9">
          <cell r="C9" t="str">
            <v>d</v>
          </cell>
        </row>
        <row r="10">
          <cell r="C10" t="str">
            <v>e</v>
          </cell>
        </row>
        <row r="11">
          <cell r="C11" t="str">
            <v>f</v>
          </cell>
        </row>
        <row r="12">
          <cell r="C12" t="str">
            <v>g</v>
          </cell>
        </row>
        <row r="13">
          <cell r="C13" t="str">
            <v>h</v>
          </cell>
        </row>
        <row r="14">
          <cell r="C14" t="str">
            <v>i</v>
          </cell>
        </row>
        <row r="15">
          <cell r="C15" t="str">
            <v>j</v>
          </cell>
        </row>
        <row r="16">
          <cell r="C16" t="str">
            <v>k</v>
          </cell>
        </row>
        <row r="17">
          <cell r="C17" t="str">
            <v>l</v>
          </cell>
        </row>
        <row r="18">
          <cell r="C18" t="str">
            <v>m</v>
          </cell>
        </row>
        <row r="19">
          <cell r="C19" t="str">
            <v>n</v>
          </cell>
        </row>
        <row r="20">
          <cell r="C20" t="str">
            <v>o</v>
          </cell>
        </row>
        <row r="21">
          <cell r="C21" t="str">
            <v>p</v>
          </cell>
        </row>
        <row r="22">
          <cell r="C22" t="str">
            <v>q</v>
          </cell>
        </row>
        <row r="23">
          <cell r="C23" t="str">
            <v>r</v>
          </cell>
        </row>
        <row r="24">
          <cell r="C24" t="str">
            <v>s</v>
          </cell>
        </row>
        <row r="25">
          <cell r="C25" t="str">
            <v>t</v>
          </cell>
        </row>
        <row r="26">
          <cell r="C26" t="str">
            <v>u</v>
          </cell>
        </row>
        <row r="27">
          <cell r="C27" t="str">
            <v>v</v>
          </cell>
        </row>
        <row r="28">
          <cell r="C28" t="str">
            <v>w</v>
          </cell>
        </row>
        <row r="29">
          <cell r="C29" t="str">
            <v>x</v>
          </cell>
        </row>
        <row r="30">
          <cell r="C30" t="str">
            <v>y</v>
          </cell>
        </row>
        <row r="31">
          <cell r="C31" t="str">
            <v>z</v>
          </cell>
        </row>
        <row r="32">
          <cell r="C32" t="str">
            <v>x</v>
          </cell>
        </row>
        <row r="33">
          <cell r="C33" t="str">
            <v>aa</v>
          </cell>
        </row>
        <row r="34">
          <cell r="C34" t="str">
            <v>ab</v>
          </cell>
        </row>
        <row r="35">
          <cell r="C35" t="str">
            <v>ac</v>
          </cell>
        </row>
        <row r="36">
          <cell r="C36" t="str">
            <v>ad</v>
          </cell>
        </row>
        <row r="37">
          <cell r="C37" t="str">
            <v>ae</v>
          </cell>
        </row>
        <row r="38">
          <cell r="C38" t="str">
            <v>af</v>
          </cell>
        </row>
        <row r="39">
          <cell r="C39" t="str">
            <v>ag</v>
          </cell>
        </row>
        <row r="40">
          <cell r="C40" t="str">
            <v>-</v>
          </cell>
        </row>
        <row r="41">
          <cell r="C41" t="str">
            <v>-</v>
          </cell>
        </row>
        <row r="42">
          <cell r="C42" t="str">
            <v>ah</v>
          </cell>
        </row>
        <row r="43">
          <cell r="C43" t="str">
            <v>-</v>
          </cell>
        </row>
        <row r="44">
          <cell r="C44" t="str">
            <v>-</v>
          </cell>
        </row>
        <row r="45">
          <cell r="C45" t="str">
            <v>ai</v>
          </cell>
        </row>
        <row r="46">
          <cell r="C46" t="str">
            <v>-</v>
          </cell>
        </row>
        <row r="47">
          <cell r="C47" t="str">
            <v>-</v>
          </cell>
        </row>
      </sheetData>
      <sheetData sheetId="5">
        <row r="6">
          <cell r="C6" t="str">
            <v>a</v>
          </cell>
        </row>
        <row r="7">
          <cell r="C7" t="str">
            <v>b</v>
          </cell>
        </row>
        <row r="8">
          <cell r="C8" t="str">
            <v>c</v>
          </cell>
        </row>
        <row r="9">
          <cell r="C9" t="str">
            <v>d</v>
          </cell>
        </row>
        <row r="10">
          <cell r="C10" t="str">
            <v>e</v>
          </cell>
        </row>
        <row r="11">
          <cell r="C11" t="str">
            <v>f</v>
          </cell>
        </row>
        <row r="12">
          <cell r="C12" t="str">
            <v>g</v>
          </cell>
        </row>
        <row r="13">
          <cell r="C13" t="str">
            <v>h</v>
          </cell>
        </row>
        <row r="14">
          <cell r="C14" t="str">
            <v>i</v>
          </cell>
        </row>
        <row r="15">
          <cell r="C15" t="str">
            <v>j</v>
          </cell>
        </row>
        <row r="16">
          <cell r="C16" t="str">
            <v>k</v>
          </cell>
        </row>
        <row r="17">
          <cell r="C17" t="str">
            <v>l</v>
          </cell>
        </row>
        <row r="18">
          <cell r="C18" t="str">
            <v>m</v>
          </cell>
        </row>
        <row r="19">
          <cell r="C19" t="str">
            <v>n</v>
          </cell>
        </row>
        <row r="20">
          <cell r="C20" t="str">
            <v>o</v>
          </cell>
        </row>
        <row r="21">
          <cell r="C21" t="str">
            <v>p</v>
          </cell>
        </row>
        <row r="22">
          <cell r="C22" t="str">
            <v>q</v>
          </cell>
        </row>
        <row r="23">
          <cell r="C23" t="str">
            <v>r</v>
          </cell>
        </row>
        <row r="24">
          <cell r="C24" t="str">
            <v>s</v>
          </cell>
        </row>
        <row r="25">
          <cell r="C25" t="str">
            <v>t</v>
          </cell>
        </row>
        <row r="26">
          <cell r="C26" t="str">
            <v>u</v>
          </cell>
        </row>
        <row r="27">
          <cell r="C27" t="str">
            <v>v</v>
          </cell>
        </row>
        <row r="28">
          <cell r="C28" t="str">
            <v>w</v>
          </cell>
        </row>
        <row r="29">
          <cell r="C29" t="str">
            <v>x</v>
          </cell>
        </row>
        <row r="30">
          <cell r="C30" t="str">
            <v>y</v>
          </cell>
        </row>
        <row r="31">
          <cell r="C31" t="str">
            <v>z</v>
          </cell>
        </row>
        <row r="32">
          <cell r="C32" t="str">
            <v>x</v>
          </cell>
        </row>
        <row r="33">
          <cell r="C33" t="str">
            <v>aa</v>
          </cell>
        </row>
        <row r="34">
          <cell r="C34" t="str">
            <v>ab</v>
          </cell>
        </row>
        <row r="35">
          <cell r="C35" t="str">
            <v>ac</v>
          </cell>
        </row>
        <row r="36">
          <cell r="C36" t="str">
            <v>ad</v>
          </cell>
        </row>
        <row r="37">
          <cell r="C37" t="str">
            <v>ae</v>
          </cell>
        </row>
        <row r="38">
          <cell r="C38" t="str">
            <v>af</v>
          </cell>
        </row>
        <row r="39">
          <cell r="C39" t="str">
            <v>ag</v>
          </cell>
        </row>
        <row r="40">
          <cell r="C40" t="str">
            <v>-</v>
          </cell>
        </row>
        <row r="41">
          <cell r="C41" t="str">
            <v>-</v>
          </cell>
        </row>
        <row r="42">
          <cell r="C42" t="str">
            <v>ah</v>
          </cell>
        </row>
        <row r="43">
          <cell r="C43" t="str">
            <v>-</v>
          </cell>
        </row>
        <row r="44">
          <cell r="C44" t="str">
            <v>-</v>
          </cell>
        </row>
        <row r="45">
          <cell r="C45" t="str">
            <v>ai</v>
          </cell>
        </row>
        <row r="46">
          <cell r="C46" t="str">
            <v>-</v>
          </cell>
        </row>
        <row r="47">
          <cell r="C47" t="str">
            <v>-</v>
          </cell>
        </row>
      </sheetData>
      <sheetData sheetId="6"/>
      <sheetData sheetId="7">
        <row r="21">
          <cell r="C21" t="str">
            <v>管理者</v>
          </cell>
          <cell r="D21" t="str">
            <v>生活相談員</v>
          </cell>
          <cell r="E21" t="str">
            <v>看護職員</v>
          </cell>
          <cell r="F21" t="str">
            <v>介護職員</v>
          </cell>
          <cell r="G21" t="str">
            <v>機能訓練指導員</v>
          </cell>
          <cell r="H21" t="str">
            <v>計画作成担当者</v>
          </cell>
          <cell r="I21" t="str">
            <v>ー</v>
          </cell>
          <cell r="J21" t="str">
            <v>ー</v>
          </cell>
          <cell r="K21" t="str">
            <v>ー</v>
          </cell>
          <cell r="L21" t="str">
            <v>ー</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fitToPage="1"/>
  </sheetPr>
  <dimension ref="A1:AI237"/>
  <sheetViews>
    <sheetView tabSelected="1" view="pageBreakPreview" topLeftCell="A229" zoomScaleNormal="130" zoomScaleSheetLayoutView="100" workbookViewId="0">
      <selection activeCell="AI5" sqref="AI5"/>
    </sheetView>
  </sheetViews>
  <sheetFormatPr defaultColWidth="2.69921875" defaultRowHeight="12.75" customHeight="1"/>
  <cols>
    <col min="1" max="1" width="3.19921875" style="82" customWidth="1"/>
    <col min="2" max="2" width="3.69921875" style="103" customWidth="1"/>
    <col min="3" max="4" width="3.19921875" style="82" customWidth="1"/>
    <col min="5" max="5" width="6.09765625" style="82" customWidth="1"/>
    <col min="6" max="6" width="8.3984375" style="82" customWidth="1"/>
    <col min="7" max="17" width="3.19921875" style="82" customWidth="1"/>
    <col min="18" max="18" width="4.69921875" style="82" customWidth="1"/>
    <col min="19" max="23" width="3.19921875" style="83" customWidth="1"/>
    <col min="24" max="24" width="5.19921875" style="83" customWidth="1"/>
    <col min="25" max="25" width="5.19921875" style="84" customWidth="1"/>
    <col min="26" max="26" width="3.19921875" style="84" customWidth="1"/>
    <col min="27" max="27" width="3.69921875" style="84" customWidth="1"/>
    <col min="28" max="16384" width="2.69921875" style="83"/>
  </cols>
  <sheetData>
    <row r="1" spans="1:27" s="1" customFormat="1" ht="41.7" customHeight="1">
      <c r="A1" s="197" t="s">
        <v>0</v>
      </c>
      <c r="B1" s="197"/>
      <c r="C1" s="197"/>
      <c r="D1" s="197"/>
      <c r="E1" s="197"/>
      <c r="F1" s="197"/>
      <c r="G1" s="197"/>
      <c r="H1" s="197"/>
      <c r="I1" s="197"/>
      <c r="J1" s="197"/>
      <c r="K1" s="197"/>
      <c r="L1" s="197"/>
      <c r="M1" s="197"/>
      <c r="N1" s="197"/>
      <c r="O1" s="197"/>
      <c r="P1" s="197"/>
      <c r="Q1" s="197"/>
      <c r="R1" s="197"/>
      <c r="S1" s="197"/>
      <c r="T1" s="197"/>
      <c r="U1" s="197"/>
      <c r="V1" s="197"/>
      <c r="W1" s="197"/>
      <c r="X1" s="197"/>
      <c r="Y1" s="197"/>
      <c r="Z1" s="197"/>
      <c r="AA1" s="197"/>
    </row>
    <row r="2" spans="1:27" s="1" customFormat="1" ht="29.25" customHeight="1">
      <c r="A2" s="198" t="s">
        <v>40</v>
      </c>
      <c r="B2" s="198"/>
      <c r="C2" s="198"/>
      <c r="D2" s="198"/>
      <c r="E2" s="198"/>
      <c r="F2" s="198"/>
      <c r="G2" s="198"/>
      <c r="H2" s="198"/>
      <c r="I2" s="198"/>
      <c r="J2" s="198"/>
      <c r="K2" s="198"/>
      <c r="L2" s="198"/>
      <c r="M2" s="198"/>
      <c r="N2" s="198"/>
      <c r="O2" s="198"/>
      <c r="P2" s="198"/>
      <c r="Q2" s="198"/>
      <c r="R2" s="198"/>
      <c r="S2" s="198"/>
      <c r="T2" s="198"/>
      <c r="U2" s="198"/>
      <c r="V2" s="198"/>
      <c r="W2" s="198"/>
      <c r="X2" s="198"/>
      <c r="Y2" s="198"/>
      <c r="Z2" s="198"/>
      <c r="AA2" s="198"/>
    </row>
    <row r="3" spans="1:27" s="1" customFormat="1" ht="12" customHeight="1">
      <c r="A3" s="2"/>
      <c r="B3" s="85"/>
      <c r="C3" s="2"/>
      <c r="D3" s="2"/>
      <c r="E3" s="2"/>
      <c r="F3" s="2"/>
      <c r="G3" s="2"/>
      <c r="H3" s="2"/>
      <c r="I3" s="2"/>
      <c r="J3" s="2"/>
      <c r="K3" s="2"/>
      <c r="L3" s="2"/>
      <c r="M3" s="2"/>
      <c r="N3" s="2"/>
      <c r="O3" s="2"/>
      <c r="P3" s="2"/>
      <c r="Q3" s="2"/>
      <c r="R3" s="2"/>
      <c r="S3" s="2"/>
      <c r="T3" s="2"/>
      <c r="Y3" s="3"/>
      <c r="Z3" s="3"/>
      <c r="AA3" s="3"/>
    </row>
    <row r="4" spans="1:27" s="1" customFormat="1" ht="12" customHeight="1">
      <c r="A4" s="199" t="s">
        <v>1</v>
      </c>
      <c r="B4" s="200"/>
      <c r="C4" s="200"/>
      <c r="D4" s="200"/>
      <c r="E4" s="200"/>
      <c r="F4" s="200"/>
      <c r="G4" s="200"/>
      <c r="H4" s="4"/>
      <c r="I4" s="4"/>
      <c r="J4" s="5"/>
      <c r="K4" s="6" t="s">
        <v>2</v>
      </c>
      <c r="L4" s="6"/>
      <c r="M4" s="6"/>
      <c r="N4" s="6"/>
      <c r="O4" s="6"/>
      <c r="P4" s="6"/>
      <c r="Q4" s="6"/>
      <c r="R4" s="4"/>
      <c r="S4" s="4"/>
      <c r="T4" s="4"/>
      <c r="U4" s="7"/>
      <c r="V4" s="7"/>
      <c r="W4" s="7"/>
      <c r="X4" s="7"/>
      <c r="Y4" s="8"/>
      <c r="Z4" s="8"/>
      <c r="AA4" s="9"/>
    </row>
    <row r="5" spans="1:27" s="1" customFormat="1" ht="12" customHeight="1">
      <c r="A5" s="201" t="s">
        <v>3</v>
      </c>
      <c r="B5" s="202"/>
      <c r="C5" s="202"/>
      <c r="D5" s="202"/>
      <c r="E5" s="202"/>
      <c r="F5" s="202"/>
      <c r="G5" s="202"/>
      <c r="H5" s="202"/>
      <c r="I5" s="202"/>
      <c r="J5" s="203"/>
      <c r="K5" s="207"/>
      <c r="L5" s="208"/>
      <c r="M5" s="208"/>
      <c r="N5" s="208"/>
      <c r="O5" s="208"/>
      <c r="P5" s="208"/>
      <c r="Q5" s="208"/>
      <c r="R5" s="208"/>
      <c r="S5" s="208"/>
      <c r="T5" s="208"/>
      <c r="U5" s="208"/>
      <c r="V5" s="208"/>
      <c r="W5" s="208"/>
      <c r="X5" s="208"/>
      <c r="Y5" s="208"/>
      <c r="Z5" s="208"/>
      <c r="AA5" s="209"/>
    </row>
    <row r="6" spans="1:27" s="1" customFormat="1" ht="12" customHeight="1">
      <c r="A6" s="204"/>
      <c r="B6" s="205"/>
      <c r="C6" s="205"/>
      <c r="D6" s="205"/>
      <c r="E6" s="205"/>
      <c r="F6" s="205"/>
      <c r="G6" s="205"/>
      <c r="H6" s="205"/>
      <c r="I6" s="205"/>
      <c r="J6" s="206"/>
      <c r="K6" s="210"/>
      <c r="L6" s="211"/>
      <c r="M6" s="211"/>
      <c r="N6" s="211"/>
      <c r="O6" s="211"/>
      <c r="P6" s="211"/>
      <c r="Q6" s="211"/>
      <c r="R6" s="211"/>
      <c r="S6" s="211"/>
      <c r="T6" s="211"/>
      <c r="U6" s="211"/>
      <c r="V6" s="211"/>
      <c r="W6" s="211"/>
      <c r="X6" s="211"/>
      <c r="Y6" s="211"/>
      <c r="Z6" s="211"/>
      <c r="AA6" s="212"/>
    </row>
    <row r="7" spans="1:27" s="1" customFormat="1" ht="12" customHeight="1">
      <c r="A7" s="10" t="s">
        <v>4</v>
      </c>
      <c r="B7" s="85"/>
      <c r="C7" s="2"/>
      <c r="D7" s="2"/>
      <c r="E7" s="2"/>
      <c r="F7" s="2"/>
      <c r="G7" s="2"/>
      <c r="H7" s="2"/>
      <c r="I7" s="2"/>
      <c r="J7" s="2"/>
      <c r="K7" s="2"/>
      <c r="L7" s="2"/>
      <c r="M7" s="2"/>
      <c r="N7" s="2"/>
      <c r="O7" s="2"/>
      <c r="P7" s="2"/>
      <c r="Q7" s="2"/>
      <c r="R7" s="2"/>
      <c r="S7" s="2"/>
      <c r="T7" s="2"/>
      <c r="Y7" s="3"/>
      <c r="Z7" s="3"/>
      <c r="AA7" s="3"/>
    </row>
    <row r="8" spans="1:27" s="1" customFormat="1" ht="12" customHeight="1">
      <c r="A8" s="219" t="s">
        <v>19</v>
      </c>
      <c r="B8" s="220"/>
      <c r="C8" s="213" t="s">
        <v>5</v>
      </c>
      <c r="D8" s="214"/>
      <c r="E8" s="214"/>
      <c r="F8" s="214"/>
      <c r="G8" s="215"/>
      <c r="H8" s="246"/>
      <c r="I8" s="247"/>
      <c r="J8" s="247"/>
      <c r="K8" s="247"/>
      <c r="L8" s="247"/>
      <c r="M8" s="247"/>
      <c r="N8" s="247"/>
      <c r="O8" s="247"/>
      <c r="P8" s="247"/>
      <c r="Q8" s="247"/>
      <c r="R8" s="247"/>
      <c r="S8" s="247"/>
      <c r="T8" s="247"/>
      <c r="U8" s="247"/>
      <c r="V8" s="247"/>
      <c r="W8" s="247"/>
      <c r="X8" s="247"/>
      <c r="Y8" s="247"/>
      <c r="Z8" s="247"/>
      <c r="AA8" s="248"/>
    </row>
    <row r="9" spans="1:27" s="1" customFormat="1" ht="12" customHeight="1">
      <c r="A9" s="221"/>
      <c r="B9" s="222"/>
      <c r="C9" s="216"/>
      <c r="D9" s="217"/>
      <c r="E9" s="217"/>
      <c r="F9" s="217"/>
      <c r="G9" s="218"/>
      <c r="H9" s="249"/>
      <c r="I9" s="250"/>
      <c r="J9" s="250"/>
      <c r="K9" s="250"/>
      <c r="L9" s="250"/>
      <c r="M9" s="250"/>
      <c r="N9" s="250"/>
      <c r="O9" s="250"/>
      <c r="P9" s="250"/>
      <c r="Q9" s="250"/>
      <c r="R9" s="250"/>
      <c r="S9" s="250"/>
      <c r="T9" s="250"/>
      <c r="U9" s="250"/>
      <c r="V9" s="250"/>
      <c r="W9" s="250"/>
      <c r="X9" s="250"/>
      <c r="Y9" s="250"/>
      <c r="Z9" s="250"/>
      <c r="AA9" s="251"/>
    </row>
    <row r="10" spans="1:27" s="1" customFormat="1" ht="12" customHeight="1">
      <c r="A10" s="221"/>
      <c r="B10" s="222"/>
      <c r="C10" s="11"/>
      <c r="D10" s="12"/>
      <c r="E10" s="12"/>
      <c r="F10" s="12"/>
      <c r="G10" s="13"/>
      <c r="H10" s="252"/>
      <c r="I10" s="253"/>
      <c r="J10" s="253"/>
      <c r="K10" s="253"/>
      <c r="L10" s="253"/>
      <c r="M10" s="253"/>
      <c r="N10" s="253"/>
      <c r="O10" s="253"/>
      <c r="P10" s="253"/>
      <c r="Q10" s="253"/>
      <c r="R10" s="253"/>
      <c r="S10" s="253"/>
      <c r="T10" s="253"/>
      <c r="U10" s="253"/>
      <c r="V10" s="253"/>
      <c r="W10" s="253"/>
      <c r="X10" s="253"/>
      <c r="Y10" s="253"/>
      <c r="Z10" s="253"/>
      <c r="AA10" s="254"/>
    </row>
    <row r="11" spans="1:27" s="1" customFormat="1" ht="12" customHeight="1">
      <c r="A11" s="221"/>
      <c r="B11" s="222"/>
      <c r="C11" s="229" t="s">
        <v>6</v>
      </c>
      <c r="D11" s="191"/>
      <c r="E11" s="191"/>
      <c r="F11" s="191"/>
      <c r="G11" s="230"/>
      <c r="H11" s="255"/>
      <c r="I11" s="256"/>
      <c r="J11" s="256"/>
      <c r="K11" s="256"/>
      <c r="L11" s="256"/>
      <c r="M11" s="256"/>
      <c r="N11" s="256"/>
      <c r="O11" s="256"/>
      <c r="P11" s="256"/>
      <c r="Q11" s="256"/>
      <c r="R11" s="256"/>
      <c r="S11" s="256"/>
      <c r="T11" s="256"/>
      <c r="U11" s="256"/>
      <c r="V11" s="256"/>
      <c r="W11" s="256"/>
      <c r="X11" s="256"/>
      <c r="Y11" s="256"/>
      <c r="Z11" s="256"/>
      <c r="AA11" s="257"/>
    </row>
    <row r="12" spans="1:27" s="1" customFormat="1" ht="12" customHeight="1">
      <c r="A12" s="221"/>
      <c r="B12" s="222"/>
      <c r="C12" s="14"/>
      <c r="D12" s="15"/>
      <c r="E12" s="15"/>
      <c r="F12" s="15"/>
      <c r="G12" s="16"/>
      <c r="H12" s="258"/>
      <c r="I12" s="259"/>
      <c r="J12" s="259"/>
      <c r="K12" s="259"/>
      <c r="L12" s="259"/>
      <c r="M12" s="259"/>
      <c r="N12" s="259"/>
      <c r="O12" s="259"/>
      <c r="P12" s="259"/>
      <c r="Q12" s="259"/>
      <c r="R12" s="259"/>
      <c r="S12" s="259"/>
      <c r="T12" s="259"/>
      <c r="U12" s="259"/>
      <c r="V12" s="259"/>
      <c r="W12" s="259"/>
      <c r="X12" s="259"/>
      <c r="Y12" s="259"/>
      <c r="Z12" s="259"/>
      <c r="AA12" s="260"/>
    </row>
    <row r="13" spans="1:27" s="1" customFormat="1" ht="12" customHeight="1">
      <c r="A13" s="221"/>
      <c r="B13" s="222"/>
      <c r="C13" s="17" t="s">
        <v>7</v>
      </c>
      <c r="D13" s="18"/>
      <c r="E13" s="18"/>
      <c r="F13" s="18"/>
      <c r="G13" s="19"/>
      <c r="H13" s="261" t="s">
        <v>8</v>
      </c>
      <c r="I13" s="262"/>
      <c r="J13" s="262"/>
      <c r="K13" s="262"/>
      <c r="L13" s="20"/>
      <c r="M13" s="20"/>
      <c r="N13" s="20"/>
      <c r="O13" s="20"/>
      <c r="P13" s="20"/>
      <c r="Q13" s="21"/>
      <c r="R13" s="263" t="s">
        <v>9</v>
      </c>
      <c r="S13" s="264"/>
      <c r="T13" s="263"/>
      <c r="U13" s="264"/>
      <c r="V13" s="264"/>
      <c r="W13" s="264"/>
      <c r="X13" s="264"/>
      <c r="Y13" s="264"/>
      <c r="Z13" s="264"/>
      <c r="AA13" s="265"/>
    </row>
    <row r="14" spans="1:27" s="1" customFormat="1" ht="12" customHeight="1">
      <c r="A14" s="221"/>
      <c r="B14" s="222"/>
      <c r="C14" s="229" t="s">
        <v>10</v>
      </c>
      <c r="D14" s="191"/>
      <c r="E14" s="191"/>
      <c r="F14" s="191"/>
      <c r="G14" s="230"/>
      <c r="H14" s="231"/>
      <c r="I14" s="232"/>
      <c r="J14" s="232"/>
      <c r="K14" s="232"/>
      <c r="L14" s="232"/>
      <c r="M14" s="232"/>
      <c r="N14" s="232"/>
      <c r="O14" s="232"/>
      <c r="P14" s="232"/>
      <c r="Q14" s="232"/>
      <c r="R14" s="232"/>
      <c r="S14" s="232"/>
      <c r="T14" s="232"/>
      <c r="U14" s="232"/>
      <c r="V14" s="232"/>
      <c r="W14" s="232"/>
      <c r="X14" s="232"/>
      <c r="Y14" s="232"/>
      <c r="Z14" s="232"/>
      <c r="AA14" s="233"/>
    </row>
    <row r="15" spans="1:27" s="1" customFormat="1" ht="12" customHeight="1">
      <c r="A15" s="223"/>
      <c r="B15" s="224"/>
      <c r="C15" s="22"/>
      <c r="D15" s="15"/>
      <c r="E15" s="15"/>
      <c r="F15" s="15"/>
      <c r="G15" s="16"/>
      <c r="H15" s="234"/>
      <c r="I15" s="235"/>
      <c r="J15" s="235"/>
      <c r="K15" s="235"/>
      <c r="L15" s="235"/>
      <c r="M15" s="235"/>
      <c r="N15" s="235"/>
      <c r="O15" s="235"/>
      <c r="P15" s="235"/>
      <c r="Q15" s="235"/>
      <c r="R15" s="235"/>
      <c r="S15" s="235"/>
      <c r="T15" s="235"/>
      <c r="U15" s="235"/>
      <c r="V15" s="235"/>
      <c r="W15" s="235"/>
      <c r="X15" s="235"/>
      <c r="Y15" s="235"/>
      <c r="Z15" s="235"/>
      <c r="AA15" s="236"/>
    </row>
    <row r="16" spans="1:27" s="1" customFormat="1" ht="15" customHeight="1">
      <c r="A16" s="2"/>
      <c r="B16" s="85"/>
      <c r="C16" s="2"/>
      <c r="D16" s="2"/>
      <c r="E16" s="2"/>
      <c r="F16" s="2"/>
      <c r="G16" s="2"/>
      <c r="H16" s="2"/>
      <c r="I16" s="2"/>
      <c r="J16" s="2"/>
      <c r="K16" s="2"/>
      <c r="L16" s="2"/>
      <c r="M16" s="2"/>
      <c r="N16" s="2"/>
      <c r="O16" s="2"/>
      <c r="P16" s="2"/>
      <c r="Q16" s="2"/>
      <c r="R16" s="2"/>
      <c r="Y16" s="3"/>
      <c r="Z16" s="3"/>
      <c r="AA16" s="3"/>
    </row>
    <row r="17" spans="1:27" s="1" customFormat="1" ht="30" customHeight="1">
      <c r="A17" s="25"/>
      <c r="B17" s="86"/>
      <c r="C17" s="23"/>
      <c r="D17" s="23"/>
      <c r="E17" s="24"/>
      <c r="F17" s="24"/>
      <c r="G17" s="24"/>
      <c r="H17" s="24"/>
      <c r="I17" s="24"/>
      <c r="J17" s="24"/>
      <c r="K17" s="24"/>
      <c r="L17" s="24"/>
      <c r="M17" s="24"/>
      <c r="N17" s="23"/>
      <c r="O17" s="23"/>
      <c r="P17" s="23"/>
      <c r="Q17" s="26"/>
      <c r="R17" s="27"/>
      <c r="S17" s="21"/>
      <c r="T17" s="28"/>
      <c r="U17" s="28"/>
      <c r="V17" s="28"/>
      <c r="W17" s="28"/>
      <c r="X17" s="28"/>
      <c r="Y17" s="29"/>
      <c r="Z17" s="29"/>
      <c r="AA17" s="29"/>
    </row>
    <row r="18" spans="1:27" s="1" customFormat="1" ht="30" customHeight="1">
      <c r="A18" s="25"/>
      <c r="B18" s="86"/>
      <c r="C18" s="23"/>
      <c r="D18" s="23"/>
      <c r="E18" s="24"/>
      <c r="F18" s="24"/>
      <c r="G18" s="24"/>
      <c r="H18" s="24"/>
      <c r="I18" s="24"/>
      <c r="J18" s="24"/>
      <c r="K18" s="24"/>
      <c r="L18" s="24"/>
      <c r="M18" s="24"/>
      <c r="N18" s="23"/>
      <c r="O18" s="23"/>
      <c r="P18" s="23"/>
      <c r="Q18" s="26"/>
      <c r="R18" s="27"/>
      <c r="S18" s="21"/>
      <c r="T18" s="28"/>
      <c r="U18" s="28"/>
      <c r="V18" s="28"/>
      <c r="W18" s="28"/>
      <c r="X18" s="28"/>
      <c r="Y18" s="29"/>
      <c r="Z18" s="29"/>
      <c r="AA18" s="29"/>
    </row>
    <row r="19" spans="1:27" s="1" customFormat="1" ht="30" customHeight="1">
      <c r="A19" s="25"/>
      <c r="B19" s="86"/>
      <c r="C19" s="23"/>
      <c r="D19" s="23"/>
      <c r="E19" s="24"/>
      <c r="F19" s="24"/>
      <c r="G19" s="24"/>
      <c r="H19" s="24"/>
      <c r="I19" s="24"/>
      <c r="J19" s="24"/>
      <c r="K19" s="24"/>
      <c r="L19" s="24"/>
      <c r="M19" s="24"/>
      <c r="N19" s="23"/>
      <c r="O19" s="23"/>
      <c r="P19" s="23"/>
      <c r="Q19" s="26"/>
      <c r="R19" s="27"/>
      <c r="S19" s="21"/>
      <c r="T19" s="28"/>
      <c r="U19" s="28"/>
      <c r="V19" s="28"/>
      <c r="W19" s="28"/>
      <c r="X19" s="28"/>
      <c r="Y19" s="29"/>
      <c r="Z19" s="29"/>
      <c r="AA19" s="29"/>
    </row>
    <row r="20" spans="1:27" s="1" customFormat="1" ht="18.75" customHeight="1">
      <c r="A20" s="25"/>
      <c r="B20" s="86"/>
      <c r="C20" s="23"/>
      <c r="D20" s="23"/>
      <c r="E20" s="24"/>
      <c r="F20" s="24"/>
      <c r="G20" s="24"/>
      <c r="H20" s="24"/>
      <c r="I20" s="24"/>
      <c r="J20" s="24"/>
      <c r="K20" s="24"/>
      <c r="L20" s="24"/>
      <c r="M20" s="24"/>
      <c r="N20" s="23"/>
      <c r="O20" s="23"/>
      <c r="P20" s="23"/>
      <c r="Q20" s="26"/>
      <c r="R20" s="27"/>
      <c r="S20" s="21"/>
      <c r="T20" s="28"/>
      <c r="U20" s="28"/>
      <c r="V20" s="28"/>
      <c r="W20" s="28"/>
      <c r="X20" s="28"/>
      <c r="Y20" s="29"/>
      <c r="Z20" s="29"/>
      <c r="AA20" s="29"/>
    </row>
    <row r="21" spans="1:27" s="1" customFormat="1" ht="18.75" customHeight="1">
      <c r="A21" s="25"/>
      <c r="B21" s="86"/>
      <c r="C21" s="23"/>
      <c r="D21" s="23"/>
      <c r="E21" s="24"/>
      <c r="F21" s="24"/>
      <c r="G21" s="24"/>
      <c r="H21" s="24"/>
      <c r="I21" s="24"/>
      <c r="J21" s="24"/>
      <c r="K21" s="24"/>
      <c r="L21" s="24"/>
      <c r="M21" s="24"/>
      <c r="N21" s="23"/>
      <c r="O21" s="23"/>
      <c r="P21" s="23"/>
      <c r="Q21" s="26"/>
      <c r="R21" s="27"/>
      <c r="S21" s="21"/>
      <c r="T21" s="28"/>
      <c r="U21" s="28"/>
      <c r="V21" s="28"/>
      <c r="W21" s="28"/>
      <c r="X21" s="28"/>
      <c r="Y21" s="29"/>
      <c r="Z21" s="29"/>
      <c r="AA21" s="29"/>
    </row>
    <row r="22" spans="1:27" s="1" customFormat="1" ht="12.75" customHeight="1">
      <c r="A22" s="23"/>
      <c r="B22" s="23"/>
      <c r="C22" s="23"/>
      <c r="D22" s="23"/>
      <c r="E22" s="24"/>
      <c r="F22" s="24"/>
      <c r="G22" s="24"/>
      <c r="H22" s="24"/>
      <c r="I22" s="24"/>
      <c r="J22" s="24"/>
      <c r="K22" s="24"/>
      <c r="L22" s="24"/>
      <c r="M22" s="24"/>
      <c r="N22" s="23"/>
      <c r="O22" s="23"/>
      <c r="P22" s="23"/>
      <c r="Q22" s="26"/>
      <c r="R22" s="27"/>
      <c r="S22" s="21"/>
      <c r="T22" s="28"/>
      <c r="U22" s="28"/>
      <c r="V22" s="30"/>
      <c r="W22" s="31"/>
      <c r="X22" s="31"/>
      <c r="Y22" s="31"/>
      <c r="Z22" s="31"/>
      <c r="AA22" s="31"/>
    </row>
    <row r="23" spans="1:27" s="1" customFormat="1" ht="12.75" customHeight="1">
      <c r="A23" s="228"/>
      <c r="B23" s="228"/>
      <c r="C23" s="228"/>
      <c r="D23" s="228"/>
      <c r="E23" s="228"/>
      <c r="F23" s="228"/>
      <c r="G23" s="228"/>
      <c r="H23" s="228"/>
      <c r="I23" s="228"/>
      <c r="J23" s="2"/>
      <c r="K23" s="2"/>
      <c r="L23" s="2"/>
      <c r="M23" s="2"/>
      <c r="N23" s="2"/>
      <c r="O23" s="2"/>
      <c r="P23" s="2"/>
      <c r="Q23" s="2"/>
      <c r="R23" s="2"/>
      <c r="V23" s="30"/>
      <c r="W23" s="30"/>
      <c r="X23" s="30"/>
      <c r="Y23" s="30"/>
      <c r="Z23" s="30"/>
      <c r="AA23" s="30"/>
    </row>
    <row r="24" spans="1:27" s="1" customFormat="1" ht="12.75" customHeight="1">
      <c r="A24" s="228"/>
      <c r="B24" s="228"/>
      <c r="C24" s="228"/>
      <c r="D24" s="228"/>
      <c r="E24" s="228"/>
      <c r="F24" s="228"/>
      <c r="G24" s="228"/>
      <c r="H24" s="228"/>
      <c r="I24" s="228"/>
      <c r="J24" s="2"/>
      <c r="K24" s="2"/>
      <c r="L24" s="2"/>
      <c r="M24" s="2"/>
      <c r="N24" s="2"/>
      <c r="O24" s="2"/>
      <c r="P24" s="2"/>
      <c r="Q24" s="2"/>
      <c r="R24" s="2"/>
      <c r="V24" s="30"/>
      <c r="W24" s="30"/>
      <c r="X24" s="30"/>
      <c r="Y24" s="30"/>
      <c r="Z24" s="30"/>
      <c r="AA24" s="30"/>
    </row>
    <row r="25" spans="1:27" s="1" customFormat="1" ht="12.75" customHeight="1">
      <c r="A25" s="32"/>
      <c r="B25" s="87"/>
      <c r="C25" s="32"/>
      <c r="D25" s="32"/>
      <c r="E25" s="32"/>
      <c r="F25" s="32"/>
      <c r="G25" s="32"/>
      <c r="H25" s="32"/>
      <c r="I25" s="32"/>
      <c r="J25" s="2"/>
      <c r="K25" s="2"/>
      <c r="L25" s="2"/>
      <c r="M25" s="2"/>
      <c r="N25" s="2"/>
      <c r="O25" s="2"/>
      <c r="P25" s="2"/>
      <c r="Q25" s="2"/>
      <c r="R25" s="2"/>
      <c r="V25" s="30"/>
      <c r="W25" s="30"/>
      <c r="X25" s="30"/>
      <c r="Y25" s="30"/>
      <c r="Z25" s="30"/>
      <c r="AA25" s="33"/>
    </row>
    <row r="26" spans="1:27" s="1" customFormat="1" ht="21" customHeight="1">
      <c r="A26" s="34" t="s">
        <v>29</v>
      </c>
      <c r="B26" s="87"/>
      <c r="C26" s="32"/>
      <c r="D26" s="32"/>
      <c r="E26" s="32"/>
      <c r="F26" s="32"/>
      <c r="G26" s="32"/>
      <c r="H26" s="32"/>
      <c r="I26" s="32"/>
      <c r="J26" s="2"/>
      <c r="K26" s="2"/>
      <c r="L26" s="2"/>
      <c r="M26" s="2"/>
      <c r="N26" s="2"/>
      <c r="O26" s="2"/>
      <c r="P26" s="2"/>
      <c r="Q26" s="2"/>
      <c r="R26" s="2"/>
      <c r="U26" s="35"/>
      <c r="V26" s="35"/>
      <c r="W26" s="35"/>
      <c r="X26" s="36"/>
      <c r="Y26" s="237" t="s">
        <v>11</v>
      </c>
      <c r="Z26" s="238"/>
      <c r="AA26" s="239"/>
    </row>
    <row r="27" spans="1:27" s="1" customFormat="1" ht="24" customHeight="1">
      <c r="A27" s="32"/>
      <c r="B27" s="106" t="s">
        <v>12</v>
      </c>
      <c r="C27" s="240" t="s">
        <v>20</v>
      </c>
      <c r="D27" s="241"/>
      <c r="E27" s="241"/>
      <c r="F27" s="241"/>
      <c r="G27" s="241"/>
      <c r="H27" s="241"/>
      <c r="I27" s="241"/>
      <c r="J27" s="241"/>
      <c r="K27" s="241"/>
      <c r="L27" s="241"/>
      <c r="M27" s="241"/>
      <c r="N27" s="241"/>
      <c r="O27" s="241"/>
      <c r="P27" s="241"/>
      <c r="Q27" s="241"/>
      <c r="R27" s="241"/>
      <c r="S27" s="241"/>
      <c r="T27" s="241"/>
      <c r="U27" s="241"/>
      <c r="V27" s="241"/>
      <c r="W27" s="241"/>
      <c r="X27" s="242"/>
      <c r="Y27" s="243"/>
      <c r="Z27" s="244"/>
      <c r="AA27" s="245"/>
    </row>
    <row r="28" spans="1:27" s="1" customFormat="1" ht="30" customHeight="1">
      <c r="A28" s="115"/>
      <c r="B28" s="109" t="s">
        <v>21</v>
      </c>
      <c r="C28" s="149" t="s">
        <v>22</v>
      </c>
      <c r="D28" s="149"/>
      <c r="E28" s="149"/>
      <c r="F28" s="149"/>
      <c r="G28" s="149"/>
      <c r="H28" s="149"/>
      <c r="I28" s="149"/>
      <c r="J28" s="149"/>
      <c r="K28" s="149"/>
      <c r="L28" s="149"/>
      <c r="M28" s="149"/>
      <c r="N28" s="149"/>
      <c r="O28" s="149"/>
      <c r="P28" s="149"/>
      <c r="Q28" s="149"/>
      <c r="R28" s="149"/>
      <c r="S28" s="149"/>
      <c r="T28" s="149"/>
      <c r="U28" s="149"/>
      <c r="V28" s="149"/>
      <c r="W28" s="149"/>
      <c r="X28" s="149"/>
      <c r="Y28" s="150"/>
      <c r="Z28" s="150"/>
      <c r="AA28" s="150"/>
    </row>
    <row r="29" spans="1:27" s="1" customFormat="1" ht="30" customHeight="1">
      <c r="A29" s="115"/>
      <c r="B29" s="109" t="s">
        <v>23</v>
      </c>
      <c r="C29" s="149" t="s">
        <v>24</v>
      </c>
      <c r="D29" s="149"/>
      <c r="E29" s="149"/>
      <c r="F29" s="149"/>
      <c r="G29" s="149"/>
      <c r="H29" s="149"/>
      <c r="I29" s="149"/>
      <c r="J29" s="149"/>
      <c r="K29" s="149"/>
      <c r="L29" s="149"/>
      <c r="M29" s="149"/>
      <c r="N29" s="149"/>
      <c r="O29" s="149"/>
      <c r="P29" s="149"/>
      <c r="Q29" s="149"/>
      <c r="R29" s="149"/>
      <c r="S29" s="149"/>
      <c r="T29" s="149"/>
      <c r="U29" s="149"/>
      <c r="V29" s="149"/>
      <c r="W29" s="149"/>
      <c r="X29" s="149"/>
      <c r="Y29" s="150"/>
      <c r="Z29" s="150"/>
      <c r="AA29" s="150"/>
    </row>
    <row r="30" spans="1:27" s="1" customFormat="1" ht="30" customHeight="1">
      <c r="A30" s="115"/>
      <c r="B30" s="109" t="s">
        <v>25</v>
      </c>
      <c r="C30" s="149" t="s">
        <v>26</v>
      </c>
      <c r="D30" s="149"/>
      <c r="E30" s="149"/>
      <c r="F30" s="149"/>
      <c r="G30" s="149"/>
      <c r="H30" s="149"/>
      <c r="I30" s="149"/>
      <c r="J30" s="149"/>
      <c r="K30" s="149"/>
      <c r="L30" s="149"/>
      <c r="M30" s="149"/>
      <c r="N30" s="149"/>
      <c r="O30" s="149"/>
      <c r="P30" s="149"/>
      <c r="Q30" s="149"/>
      <c r="R30" s="149"/>
      <c r="S30" s="149"/>
      <c r="T30" s="149"/>
      <c r="U30" s="149"/>
      <c r="V30" s="149"/>
      <c r="W30" s="149"/>
      <c r="X30" s="149"/>
      <c r="Y30" s="150"/>
      <c r="Z30" s="150"/>
      <c r="AA30" s="150"/>
    </row>
    <row r="31" spans="1:27" s="1" customFormat="1" ht="30" customHeight="1">
      <c r="A31" s="115"/>
      <c r="B31" s="109" t="s">
        <v>27</v>
      </c>
      <c r="C31" s="149" t="s">
        <v>28</v>
      </c>
      <c r="D31" s="149"/>
      <c r="E31" s="149"/>
      <c r="F31" s="149"/>
      <c r="G31" s="149"/>
      <c r="H31" s="149"/>
      <c r="I31" s="149"/>
      <c r="J31" s="149"/>
      <c r="K31" s="149"/>
      <c r="L31" s="149"/>
      <c r="M31" s="149"/>
      <c r="N31" s="149"/>
      <c r="O31" s="149"/>
      <c r="P31" s="149"/>
      <c r="Q31" s="149"/>
      <c r="R31" s="149"/>
      <c r="S31" s="149"/>
      <c r="T31" s="149"/>
      <c r="U31" s="149"/>
      <c r="V31" s="149"/>
      <c r="W31" s="149"/>
      <c r="X31" s="149"/>
      <c r="Y31" s="150"/>
      <c r="Z31" s="150"/>
      <c r="AA31" s="150"/>
    </row>
    <row r="32" spans="1:27" s="1" customFormat="1" ht="24" customHeight="1">
      <c r="A32" s="32"/>
      <c r="B32" s="23"/>
      <c r="C32" s="40"/>
      <c r="D32" s="38"/>
      <c r="E32" s="38"/>
      <c r="F32" s="38"/>
      <c r="G32" s="38"/>
      <c r="H32" s="38"/>
      <c r="I32" s="38"/>
      <c r="J32" s="27"/>
      <c r="K32" s="27"/>
      <c r="L32" s="27"/>
      <c r="M32" s="27"/>
      <c r="N32" s="27"/>
      <c r="O32" s="27"/>
      <c r="P32" s="27"/>
      <c r="Q32" s="27"/>
      <c r="R32" s="27"/>
      <c r="S32" s="28"/>
      <c r="T32" s="28"/>
      <c r="U32" s="28"/>
      <c r="V32" s="28"/>
      <c r="W32" s="28"/>
      <c r="X32" s="28"/>
      <c r="Y32" s="39"/>
      <c r="Z32" s="39"/>
      <c r="AA32" s="39"/>
    </row>
    <row r="33" spans="1:27" s="1" customFormat="1" ht="8.25" customHeight="1">
      <c r="A33" s="32"/>
      <c r="B33" s="23"/>
      <c r="C33" s="40"/>
      <c r="D33" s="38"/>
      <c r="E33" s="38"/>
      <c r="F33" s="38"/>
      <c r="G33" s="38"/>
      <c r="H33" s="38"/>
      <c r="I33" s="38"/>
      <c r="J33" s="27"/>
      <c r="K33" s="27"/>
      <c r="L33" s="27"/>
      <c r="M33" s="27"/>
      <c r="N33" s="27"/>
      <c r="O33" s="27"/>
      <c r="P33" s="27"/>
      <c r="Q33" s="27"/>
      <c r="R33" s="27"/>
      <c r="S33" s="28"/>
      <c r="T33" s="28"/>
      <c r="U33" s="28"/>
      <c r="V33" s="28"/>
      <c r="W33" s="28"/>
      <c r="X33" s="28"/>
      <c r="Y33" s="39"/>
      <c r="Z33" s="39"/>
      <c r="AA33" s="39"/>
    </row>
    <row r="34" spans="1:27" s="1" customFormat="1" ht="8.25" customHeight="1">
      <c r="A34" s="32"/>
      <c r="B34" s="23"/>
      <c r="C34" s="40"/>
      <c r="D34" s="38"/>
      <c r="E34" s="38"/>
      <c r="F34" s="38"/>
      <c r="G34" s="38"/>
      <c r="H34" s="38"/>
      <c r="I34" s="38"/>
      <c r="J34" s="27"/>
      <c r="K34" s="27"/>
      <c r="L34" s="27"/>
      <c r="M34" s="27"/>
      <c r="N34" s="27"/>
      <c r="O34" s="27"/>
      <c r="P34" s="27"/>
      <c r="Q34" s="27"/>
      <c r="R34" s="27"/>
      <c r="S34" s="28"/>
      <c r="T34" s="28"/>
      <c r="U34" s="28"/>
      <c r="V34" s="28"/>
      <c r="W34" s="28"/>
      <c r="X34" s="28"/>
      <c r="Y34" s="39"/>
      <c r="Z34" s="39"/>
      <c r="AA34" s="39"/>
    </row>
    <row r="35" spans="1:27" s="1" customFormat="1" ht="8.25" customHeight="1">
      <c r="A35" s="32"/>
      <c r="B35" s="23"/>
      <c r="C35" s="40"/>
      <c r="D35" s="38"/>
      <c r="E35" s="38"/>
      <c r="F35" s="38"/>
      <c r="G35" s="38"/>
      <c r="H35" s="38"/>
      <c r="I35" s="38"/>
      <c r="J35" s="27"/>
      <c r="K35" s="27"/>
      <c r="L35" s="27"/>
      <c r="M35" s="27"/>
      <c r="N35" s="27"/>
      <c r="O35" s="27"/>
      <c r="P35" s="27"/>
      <c r="Q35" s="27"/>
      <c r="R35" s="27"/>
      <c r="S35" s="28"/>
      <c r="T35" s="28"/>
      <c r="U35" s="28"/>
      <c r="V35" s="28"/>
      <c r="W35" s="28"/>
      <c r="X35" s="28"/>
      <c r="Y35" s="39"/>
      <c r="Z35" s="39"/>
      <c r="AA35" s="39"/>
    </row>
    <row r="36" spans="1:27" s="28" customFormat="1" ht="21" customHeight="1">
      <c r="A36" s="118" t="s">
        <v>30</v>
      </c>
      <c r="B36" s="23"/>
      <c r="C36" s="38"/>
      <c r="D36" s="38"/>
      <c r="E36" s="38"/>
      <c r="F36" s="38"/>
      <c r="G36" s="38"/>
      <c r="H36" s="38"/>
      <c r="I36" s="38"/>
      <c r="J36" s="27"/>
      <c r="K36" s="27"/>
      <c r="L36" s="27"/>
      <c r="M36" s="27"/>
      <c r="N36" s="27"/>
      <c r="O36" s="27"/>
      <c r="P36" s="27"/>
      <c r="Q36" s="27"/>
      <c r="R36" s="27"/>
      <c r="U36" s="266"/>
      <c r="V36" s="266"/>
      <c r="W36" s="266"/>
      <c r="X36" s="266"/>
      <c r="Y36" s="266"/>
      <c r="Z36" s="266"/>
      <c r="AA36" s="266"/>
    </row>
    <row r="37" spans="1:27" s="1" customFormat="1" ht="30" customHeight="1">
      <c r="A37" s="32"/>
      <c r="B37" s="109" t="s">
        <v>12</v>
      </c>
      <c r="C37" s="149" t="s">
        <v>31</v>
      </c>
      <c r="D37" s="149"/>
      <c r="E37" s="149"/>
      <c r="F37" s="149"/>
      <c r="G37" s="149"/>
      <c r="H37" s="149"/>
      <c r="I37" s="149"/>
      <c r="J37" s="149"/>
      <c r="K37" s="149"/>
      <c r="L37" s="149"/>
      <c r="M37" s="149"/>
      <c r="N37" s="149"/>
      <c r="O37" s="149"/>
      <c r="P37" s="149"/>
      <c r="Q37" s="149"/>
      <c r="R37" s="149"/>
      <c r="S37" s="149"/>
      <c r="T37" s="149"/>
      <c r="U37" s="149"/>
      <c r="V37" s="149"/>
      <c r="W37" s="149"/>
      <c r="X37" s="149"/>
      <c r="Y37" s="150"/>
      <c r="Z37" s="150"/>
      <c r="AA37" s="150"/>
    </row>
    <row r="38" spans="1:27" s="1" customFormat="1" ht="24" customHeight="1">
      <c r="A38" s="115"/>
      <c r="B38" s="109" t="s">
        <v>21</v>
      </c>
      <c r="C38" s="164" t="s">
        <v>32</v>
      </c>
      <c r="D38" s="164"/>
      <c r="E38" s="164"/>
      <c r="F38" s="164"/>
      <c r="G38" s="164"/>
      <c r="H38" s="164"/>
      <c r="I38" s="164"/>
      <c r="J38" s="164"/>
      <c r="K38" s="164"/>
      <c r="L38" s="164"/>
      <c r="M38" s="164"/>
      <c r="N38" s="164"/>
      <c r="O38" s="164"/>
      <c r="P38" s="164"/>
      <c r="Q38" s="164"/>
      <c r="R38" s="164"/>
      <c r="S38" s="164"/>
      <c r="T38" s="164"/>
      <c r="U38" s="164"/>
      <c r="V38" s="164"/>
      <c r="W38" s="164"/>
      <c r="X38" s="164"/>
      <c r="Y38" s="150"/>
      <c r="Z38" s="150"/>
      <c r="AA38" s="150"/>
    </row>
    <row r="39" spans="1:27" s="1" customFormat="1" ht="48" customHeight="1">
      <c r="A39" s="115"/>
      <c r="B39" s="109" t="s">
        <v>23</v>
      </c>
      <c r="C39" s="149" t="s">
        <v>33</v>
      </c>
      <c r="D39" s="149"/>
      <c r="E39" s="149"/>
      <c r="F39" s="149"/>
      <c r="G39" s="149"/>
      <c r="H39" s="149"/>
      <c r="I39" s="149"/>
      <c r="J39" s="149"/>
      <c r="K39" s="149"/>
      <c r="L39" s="149"/>
      <c r="M39" s="149"/>
      <c r="N39" s="149"/>
      <c r="O39" s="149"/>
      <c r="P39" s="149"/>
      <c r="Q39" s="149"/>
      <c r="R39" s="149"/>
      <c r="S39" s="149"/>
      <c r="T39" s="149"/>
      <c r="U39" s="149"/>
      <c r="V39" s="149"/>
      <c r="W39" s="149"/>
      <c r="X39" s="149"/>
      <c r="Y39" s="150"/>
      <c r="Z39" s="150"/>
      <c r="AA39" s="150"/>
    </row>
    <row r="40" spans="1:27" s="1" customFormat="1" ht="30" customHeight="1">
      <c r="A40" s="115"/>
      <c r="B40" s="109" t="s">
        <v>25</v>
      </c>
      <c r="C40" s="149" t="s">
        <v>34</v>
      </c>
      <c r="D40" s="149"/>
      <c r="E40" s="149"/>
      <c r="F40" s="149"/>
      <c r="G40" s="149"/>
      <c r="H40" s="149"/>
      <c r="I40" s="149"/>
      <c r="J40" s="149"/>
      <c r="K40" s="149"/>
      <c r="L40" s="149"/>
      <c r="M40" s="149"/>
      <c r="N40" s="149"/>
      <c r="O40" s="149"/>
      <c r="P40" s="149"/>
      <c r="Q40" s="149"/>
      <c r="R40" s="149"/>
      <c r="S40" s="149"/>
      <c r="T40" s="149"/>
      <c r="U40" s="149"/>
      <c r="V40" s="149"/>
      <c r="W40" s="149"/>
      <c r="X40" s="149"/>
      <c r="Y40" s="150"/>
      <c r="Z40" s="150"/>
      <c r="AA40" s="150"/>
    </row>
    <row r="41" spans="1:27" s="1" customFormat="1" ht="42" customHeight="1">
      <c r="A41" s="115"/>
      <c r="B41" s="109" t="s">
        <v>27</v>
      </c>
      <c r="C41" s="149" t="s">
        <v>35</v>
      </c>
      <c r="D41" s="149"/>
      <c r="E41" s="149"/>
      <c r="F41" s="149"/>
      <c r="G41" s="149"/>
      <c r="H41" s="149"/>
      <c r="I41" s="149"/>
      <c r="J41" s="149"/>
      <c r="K41" s="149"/>
      <c r="L41" s="149"/>
      <c r="M41" s="149"/>
      <c r="N41" s="149"/>
      <c r="O41" s="149"/>
      <c r="P41" s="149"/>
      <c r="Q41" s="149"/>
      <c r="R41" s="149"/>
      <c r="S41" s="149"/>
      <c r="T41" s="149"/>
      <c r="U41" s="149"/>
      <c r="V41" s="149"/>
      <c r="W41" s="149"/>
      <c r="X41" s="149"/>
      <c r="Y41" s="150"/>
      <c r="Z41" s="150"/>
      <c r="AA41" s="150"/>
    </row>
    <row r="42" spans="1:27" s="1" customFormat="1" ht="30" customHeight="1">
      <c r="A42" s="116"/>
      <c r="B42" s="109" t="s">
        <v>81</v>
      </c>
      <c r="C42" s="194" t="s">
        <v>83</v>
      </c>
      <c r="D42" s="195"/>
      <c r="E42" s="195"/>
      <c r="F42" s="195"/>
      <c r="G42" s="195"/>
      <c r="H42" s="195"/>
      <c r="I42" s="195"/>
      <c r="J42" s="195"/>
      <c r="K42" s="195"/>
      <c r="L42" s="195"/>
      <c r="M42" s="195"/>
      <c r="N42" s="195"/>
      <c r="O42" s="195"/>
      <c r="P42" s="195"/>
      <c r="Q42" s="195"/>
      <c r="R42" s="195"/>
      <c r="S42" s="195"/>
      <c r="T42" s="195"/>
      <c r="U42" s="195"/>
      <c r="V42" s="195"/>
      <c r="W42" s="195"/>
      <c r="X42" s="196"/>
      <c r="Y42" s="225"/>
      <c r="Z42" s="226"/>
      <c r="AA42" s="227"/>
    </row>
    <row r="43" spans="1:27" s="1" customFormat="1" ht="60" customHeight="1">
      <c r="A43" s="116"/>
      <c r="B43" s="109" t="s">
        <v>82</v>
      </c>
      <c r="C43" s="149" t="s">
        <v>172</v>
      </c>
      <c r="D43" s="149"/>
      <c r="E43" s="149"/>
      <c r="F43" s="149"/>
      <c r="G43" s="149"/>
      <c r="H43" s="149"/>
      <c r="I43" s="149"/>
      <c r="J43" s="149"/>
      <c r="K43" s="149"/>
      <c r="L43" s="149"/>
      <c r="M43" s="149"/>
      <c r="N43" s="149"/>
      <c r="O43" s="149"/>
      <c r="P43" s="149"/>
      <c r="Q43" s="149"/>
      <c r="R43" s="149"/>
      <c r="S43" s="149"/>
      <c r="T43" s="149"/>
      <c r="U43" s="149"/>
      <c r="V43" s="149"/>
      <c r="W43" s="149"/>
      <c r="X43" s="149"/>
      <c r="Y43" s="225"/>
      <c r="Z43" s="226"/>
      <c r="AA43" s="227"/>
    </row>
    <row r="44" spans="1:27" s="1" customFormat="1" ht="42" customHeight="1">
      <c r="A44" s="116"/>
      <c r="B44" s="109" t="s">
        <v>85</v>
      </c>
      <c r="C44" s="194" t="s">
        <v>88</v>
      </c>
      <c r="D44" s="195"/>
      <c r="E44" s="195"/>
      <c r="F44" s="195"/>
      <c r="G44" s="195"/>
      <c r="H44" s="195"/>
      <c r="I44" s="195"/>
      <c r="J44" s="195"/>
      <c r="K44" s="195"/>
      <c r="L44" s="195"/>
      <c r="M44" s="195"/>
      <c r="N44" s="195"/>
      <c r="O44" s="195"/>
      <c r="P44" s="195"/>
      <c r="Q44" s="195"/>
      <c r="R44" s="195"/>
      <c r="S44" s="195"/>
      <c r="T44" s="195"/>
      <c r="U44" s="195"/>
      <c r="V44" s="195"/>
      <c r="W44" s="195"/>
      <c r="X44" s="196"/>
      <c r="Y44" s="225"/>
      <c r="Z44" s="226"/>
      <c r="AA44" s="227"/>
    </row>
    <row r="45" spans="1:27" s="1" customFormat="1" ht="30" customHeight="1">
      <c r="A45" s="116"/>
      <c r="B45" s="109" t="s">
        <v>86</v>
      </c>
      <c r="C45" s="194" t="s">
        <v>173</v>
      </c>
      <c r="D45" s="195"/>
      <c r="E45" s="195"/>
      <c r="F45" s="195"/>
      <c r="G45" s="195"/>
      <c r="H45" s="195"/>
      <c r="I45" s="195"/>
      <c r="J45" s="195"/>
      <c r="K45" s="195"/>
      <c r="L45" s="195"/>
      <c r="M45" s="195"/>
      <c r="N45" s="195"/>
      <c r="O45" s="195"/>
      <c r="P45" s="195"/>
      <c r="Q45" s="195"/>
      <c r="R45" s="195"/>
      <c r="S45" s="195"/>
      <c r="T45" s="195"/>
      <c r="U45" s="195"/>
      <c r="V45" s="195"/>
      <c r="W45" s="195"/>
      <c r="X45" s="196"/>
      <c r="Y45" s="225"/>
      <c r="Z45" s="226"/>
      <c r="AA45" s="227"/>
    </row>
    <row r="46" spans="1:27" s="1" customFormat="1" ht="30" customHeight="1">
      <c r="A46" s="116"/>
      <c r="B46" s="109" t="s">
        <v>87</v>
      </c>
      <c r="C46" s="149" t="s">
        <v>89</v>
      </c>
      <c r="D46" s="149"/>
      <c r="E46" s="149"/>
      <c r="F46" s="149"/>
      <c r="G46" s="149"/>
      <c r="H46" s="149"/>
      <c r="I46" s="149"/>
      <c r="J46" s="149"/>
      <c r="K46" s="149"/>
      <c r="L46" s="149"/>
      <c r="M46" s="149"/>
      <c r="N46" s="149"/>
      <c r="O46" s="149"/>
      <c r="P46" s="149"/>
      <c r="Q46" s="149"/>
      <c r="R46" s="149"/>
      <c r="S46" s="149"/>
      <c r="T46" s="149"/>
      <c r="U46" s="149"/>
      <c r="V46" s="149"/>
      <c r="W46" s="149"/>
      <c r="X46" s="149"/>
      <c r="Y46" s="150"/>
      <c r="Z46" s="150"/>
      <c r="AA46" s="150"/>
    </row>
    <row r="47" spans="1:27" s="1" customFormat="1" ht="9" customHeight="1">
      <c r="A47" s="116"/>
      <c r="B47" s="117"/>
      <c r="C47" s="114"/>
      <c r="D47" s="114"/>
      <c r="E47" s="114"/>
      <c r="F47" s="114"/>
      <c r="G47" s="114"/>
      <c r="H47" s="114"/>
      <c r="I47" s="114"/>
      <c r="J47" s="114"/>
      <c r="K47" s="114"/>
      <c r="L47" s="114"/>
      <c r="M47" s="114"/>
      <c r="N47" s="114"/>
      <c r="O47" s="114"/>
      <c r="P47" s="114"/>
      <c r="Q47" s="114"/>
      <c r="R47" s="114"/>
      <c r="S47" s="114"/>
      <c r="T47" s="114"/>
      <c r="U47" s="114"/>
      <c r="V47" s="114"/>
      <c r="W47" s="114"/>
      <c r="X47" s="114"/>
      <c r="Y47" s="113"/>
      <c r="Z47" s="113"/>
      <c r="AA47" s="113"/>
    </row>
    <row r="48" spans="1:27" s="1" customFormat="1" ht="21" customHeight="1">
      <c r="A48" s="41" t="s">
        <v>84</v>
      </c>
      <c r="B48" s="117"/>
      <c r="C48" s="114"/>
      <c r="D48" s="114"/>
      <c r="E48" s="114"/>
      <c r="F48" s="114"/>
      <c r="G48" s="114"/>
      <c r="H48" s="114"/>
      <c r="I48" s="114"/>
      <c r="J48" s="114"/>
      <c r="K48" s="114"/>
      <c r="L48" s="114"/>
      <c r="M48" s="114"/>
      <c r="N48" s="114"/>
      <c r="O48" s="114"/>
      <c r="P48" s="114"/>
      <c r="Q48" s="114"/>
      <c r="R48" s="114"/>
      <c r="S48" s="114"/>
      <c r="T48" s="114"/>
      <c r="U48" s="114"/>
      <c r="V48" s="114"/>
      <c r="W48" s="114"/>
      <c r="X48" s="114"/>
      <c r="Y48" s="113"/>
      <c r="Z48" s="113"/>
      <c r="AA48" s="113"/>
    </row>
    <row r="49" spans="1:27" s="1" customFormat="1" ht="24" customHeight="1">
      <c r="A49" s="115"/>
      <c r="B49" s="109" t="s">
        <v>36</v>
      </c>
      <c r="C49" s="164" t="s">
        <v>37</v>
      </c>
      <c r="D49" s="164"/>
      <c r="E49" s="164"/>
      <c r="F49" s="164"/>
      <c r="G49" s="164"/>
      <c r="H49" s="164"/>
      <c r="I49" s="164"/>
      <c r="J49" s="164"/>
      <c r="K49" s="164"/>
      <c r="L49" s="164"/>
      <c r="M49" s="164"/>
      <c r="N49" s="164"/>
      <c r="O49" s="164"/>
      <c r="P49" s="164"/>
      <c r="Q49" s="164"/>
      <c r="R49" s="164"/>
      <c r="S49" s="164"/>
      <c r="T49" s="164"/>
      <c r="U49" s="164"/>
      <c r="V49" s="164"/>
      <c r="W49" s="164"/>
      <c r="X49" s="164"/>
      <c r="Y49" s="150"/>
      <c r="Z49" s="150"/>
      <c r="AA49" s="150"/>
    </row>
    <row r="50" spans="1:27" s="1" customFormat="1" ht="29.4" customHeight="1">
      <c r="A50" s="115"/>
      <c r="B50" s="109" t="s">
        <v>21</v>
      </c>
      <c r="C50" s="149" t="s">
        <v>38</v>
      </c>
      <c r="D50" s="149"/>
      <c r="E50" s="149"/>
      <c r="F50" s="149"/>
      <c r="G50" s="149"/>
      <c r="H50" s="149"/>
      <c r="I50" s="149"/>
      <c r="J50" s="149"/>
      <c r="K50" s="149"/>
      <c r="L50" s="149"/>
      <c r="M50" s="149"/>
      <c r="N50" s="149"/>
      <c r="O50" s="149"/>
      <c r="P50" s="149"/>
      <c r="Q50" s="149"/>
      <c r="R50" s="149"/>
      <c r="S50" s="149"/>
      <c r="T50" s="149"/>
      <c r="U50" s="149"/>
      <c r="V50" s="149"/>
      <c r="W50" s="149"/>
      <c r="X50" s="149"/>
      <c r="Y50" s="150"/>
      <c r="Z50" s="150"/>
      <c r="AA50" s="150"/>
    </row>
    <row r="51" spans="1:27" s="1" customFormat="1" ht="6" customHeight="1">
      <c r="A51" s="32"/>
      <c r="B51" s="23"/>
      <c r="C51" s="40"/>
      <c r="D51" s="38"/>
      <c r="E51" s="38"/>
      <c r="F51" s="38"/>
      <c r="G51" s="38"/>
      <c r="H51" s="38"/>
      <c r="I51" s="38"/>
      <c r="J51" s="27"/>
      <c r="K51" s="27"/>
      <c r="L51" s="27"/>
      <c r="M51" s="27"/>
      <c r="N51" s="27"/>
      <c r="O51" s="27"/>
      <c r="P51" s="27"/>
      <c r="Q51" s="27"/>
      <c r="R51" s="27"/>
      <c r="S51" s="28"/>
      <c r="T51" s="28"/>
      <c r="U51" s="28"/>
      <c r="V51" s="28"/>
      <c r="W51" s="28"/>
      <c r="X51" s="28"/>
      <c r="Y51" s="39"/>
      <c r="Z51" s="39"/>
      <c r="AA51" s="39"/>
    </row>
    <row r="52" spans="1:27" s="1" customFormat="1" ht="12.6" customHeight="1">
      <c r="A52" s="32"/>
      <c r="B52" s="23"/>
      <c r="C52" s="40"/>
      <c r="D52" s="38"/>
      <c r="E52" s="38"/>
      <c r="F52" s="38"/>
      <c r="G52" s="38"/>
      <c r="H52" s="38"/>
      <c r="I52" s="38"/>
      <c r="J52" s="27"/>
      <c r="K52" s="27"/>
      <c r="L52" s="27"/>
      <c r="M52" s="27"/>
      <c r="N52" s="27"/>
      <c r="O52" s="27"/>
      <c r="P52" s="27"/>
      <c r="Q52" s="27"/>
      <c r="R52" s="27"/>
      <c r="S52" s="28"/>
      <c r="T52" s="28"/>
      <c r="U52" s="28"/>
      <c r="V52" s="28"/>
      <c r="W52" s="28"/>
      <c r="X52" s="28"/>
      <c r="Y52" s="39"/>
      <c r="Z52" s="39"/>
      <c r="AA52" s="39"/>
    </row>
    <row r="53" spans="1:27" s="1" customFormat="1" ht="12.75" customHeight="1">
      <c r="A53" s="32"/>
      <c r="B53" s="23"/>
      <c r="C53" s="40"/>
      <c r="D53" s="38"/>
      <c r="E53" s="38"/>
      <c r="F53" s="38"/>
      <c r="G53" s="38"/>
      <c r="H53" s="38"/>
      <c r="I53" s="38"/>
      <c r="J53" s="27"/>
      <c r="K53" s="27"/>
      <c r="L53" s="27"/>
      <c r="M53" s="27"/>
      <c r="N53" s="27"/>
      <c r="O53" s="27"/>
      <c r="P53" s="27"/>
      <c r="Q53" s="27"/>
      <c r="R53" s="27"/>
      <c r="S53" s="28"/>
      <c r="T53" s="28"/>
      <c r="U53" s="28"/>
      <c r="V53" s="28"/>
      <c r="W53" s="28"/>
      <c r="X53" s="28"/>
      <c r="Y53" s="39"/>
      <c r="Z53" s="39"/>
      <c r="AA53" s="39"/>
    </row>
    <row r="54" spans="1:27" s="1" customFormat="1" ht="16.5" customHeight="1">
      <c r="A54" s="32"/>
      <c r="B54" s="23"/>
      <c r="C54" s="40"/>
      <c r="D54" s="38"/>
      <c r="E54" s="38"/>
      <c r="F54" s="38"/>
      <c r="G54" s="38"/>
      <c r="H54" s="38"/>
      <c r="I54" s="38"/>
      <c r="J54" s="27"/>
      <c r="K54" s="27"/>
      <c r="L54" s="27"/>
      <c r="M54" s="27"/>
      <c r="N54" s="27"/>
      <c r="O54" s="27"/>
      <c r="P54" s="27"/>
      <c r="Q54" s="27"/>
      <c r="R54" s="27"/>
      <c r="S54" s="28"/>
      <c r="T54" s="28"/>
      <c r="U54" s="28"/>
      <c r="V54" s="28"/>
      <c r="W54" s="28"/>
      <c r="X54" s="28"/>
      <c r="Y54" s="39"/>
      <c r="Z54" s="39"/>
      <c r="AA54" s="39"/>
    </row>
    <row r="55" spans="1:27" s="45" customFormat="1" ht="21" customHeight="1">
      <c r="A55" s="34" t="s">
        <v>122</v>
      </c>
      <c r="B55" s="87"/>
      <c r="C55" s="43"/>
      <c r="D55" s="43"/>
      <c r="E55" s="43"/>
      <c r="F55" s="43"/>
      <c r="G55" s="43"/>
      <c r="H55" s="43"/>
      <c r="I55" s="43"/>
      <c r="J55" s="44"/>
      <c r="K55" s="44"/>
      <c r="L55" s="44"/>
      <c r="M55" s="44"/>
      <c r="N55" s="44"/>
      <c r="O55" s="44"/>
      <c r="P55" s="44"/>
      <c r="Q55" s="44"/>
      <c r="R55" s="44"/>
      <c r="Y55" s="37"/>
      <c r="Z55" s="37"/>
      <c r="AA55" s="37"/>
    </row>
    <row r="56" spans="1:27" s="1" customFormat="1" ht="48" customHeight="1">
      <c r="A56" s="32"/>
      <c r="B56" s="88" t="s">
        <v>36</v>
      </c>
      <c r="C56" s="240" t="s">
        <v>39</v>
      </c>
      <c r="D56" s="241"/>
      <c r="E56" s="241"/>
      <c r="F56" s="241"/>
      <c r="G56" s="241"/>
      <c r="H56" s="241"/>
      <c r="I56" s="241"/>
      <c r="J56" s="241"/>
      <c r="K56" s="241"/>
      <c r="L56" s="241"/>
      <c r="M56" s="241"/>
      <c r="N56" s="241"/>
      <c r="O56" s="241"/>
      <c r="P56" s="241"/>
      <c r="Q56" s="241"/>
      <c r="R56" s="241"/>
      <c r="S56" s="241"/>
      <c r="T56" s="241"/>
      <c r="U56" s="241"/>
      <c r="V56" s="241"/>
      <c r="W56" s="241"/>
      <c r="X56" s="242"/>
      <c r="Y56" s="188"/>
      <c r="Z56" s="189"/>
      <c r="AA56" s="190"/>
    </row>
    <row r="57" spans="1:27" s="1" customFormat="1" ht="60" customHeight="1">
      <c r="B57" s="91" t="s">
        <v>14</v>
      </c>
      <c r="C57" s="194" t="s">
        <v>41</v>
      </c>
      <c r="D57" s="195"/>
      <c r="E57" s="195"/>
      <c r="F57" s="195"/>
      <c r="G57" s="195"/>
      <c r="H57" s="195"/>
      <c r="I57" s="195"/>
      <c r="J57" s="195"/>
      <c r="K57" s="195"/>
      <c r="L57" s="195"/>
      <c r="M57" s="195"/>
      <c r="N57" s="195"/>
      <c r="O57" s="195"/>
      <c r="P57" s="195"/>
      <c r="Q57" s="195"/>
      <c r="R57" s="195"/>
      <c r="S57" s="195"/>
      <c r="T57" s="195"/>
      <c r="U57" s="195"/>
      <c r="V57" s="195"/>
      <c r="W57" s="195"/>
      <c r="X57" s="196"/>
      <c r="Y57" s="136"/>
      <c r="Z57" s="137"/>
      <c r="AA57" s="138"/>
    </row>
    <row r="58" spans="1:27" s="1" customFormat="1" ht="72" customHeight="1">
      <c r="B58" s="90" t="s">
        <v>15</v>
      </c>
      <c r="C58" s="194" t="s">
        <v>42</v>
      </c>
      <c r="D58" s="195"/>
      <c r="E58" s="195"/>
      <c r="F58" s="195"/>
      <c r="G58" s="195"/>
      <c r="H58" s="195"/>
      <c r="I58" s="195"/>
      <c r="J58" s="195"/>
      <c r="K58" s="195"/>
      <c r="L58" s="195"/>
      <c r="M58" s="195"/>
      <c r="N58" s="195"/>
      <c r="O58" s="195"/>
      <c r="P58" s="195"/>
      <c r="Q58" s="195"/>
      <c r="R58" s="195"/>
      <c r="S58" s="195"/>
      <c r="T58" s="195"/>
      <c r="U58" s="195"/>
      <c r="V58" s="195"/>
      <c r="W58" s="195"/>
      <c r="X58" s="196"/>
      <c r="Y58" s="136"/>
      <c r="Z58" s="137"/>
      <c r="AA58" s="138"/>
    </row>
    <row r="59" spans="1:27" s="1" customFormat="1" ht="9" customHeight="1">
      <c r="B59" s="92"/>
      <c r="C59" s="46"/>
      <c r="D59" s="28"/>
      <c r="E59" s="28"/>
      <c r="F59" s="28"/>
      <c r="G59" s="28"/>
      <c r="H59" s="28"/>
      <c r="I59" s="28"/>
      <c r="J59" s="28"/>
      <c r="K59" s="28"/>
      <c r="L59" s="28"/>
      <c r="M59" s="28"/>
      <c r="N59" s="28"/>
      <c r="O59" s="28"/>
      <c r="P59" s="28"/>
      <c r="Q59" s="28"/>
      <c r="R59" s="28"/>
      <c r="S59" s="28"/>
      <c r="T59" s="28"/>
      <c r="U59" s="28"/>
      <c r="V59" s="28"/>
      <c r="W59" s="28"/>
      <c r="X59" s="28"/>
      <c r="Y59" s="39"/>
      <c r="Z59" s="39"/>
      <c r="AA59" s="39"/>
    </row>
    <row r="60" spans="1:27" s="45" customFormat="1" ht="21" customHeight="1">
      <c r="A60" s="34" t="s">
        <v>142</v>
      </c>
      <c r="B60" s="87"/>
      <c r="C60" s="43"/>
      <c r="D60" s="43"/>
      <c r="E60" s="43"/>
      <c r="F60" s="43"/>
      <c r="G60" s="43"/>
      <c r="H60" s="43"/>
      <c r="I60" s="43"/>
      <c r="J60" s="44"/>
      <c r="K60" s="44"/>
      <c r="L60" s="44"/>
      <c r="M60" s="44"/>
      <c r="N60" s="44"/>
      <c r="O60" s="44"/>
      <c r="P60" s="44"/>
      <c r="Q60" s="44"/>
      <c r="R60" s="44"/>
      <c r="Y60" s="37"/>
      <c r="Z60" s="37"/>
      <c r="AA60" s="37"/>
    </row>
    <row r="61" spans="1:27" s="45" customFormat="1" ht="42" customHeight="1">
      <c r="A61" s="34"/>
      <c r="B61" s="119" t="s">
        <v>36</v>
      </c>
      <c r="C61" s="149" t="s">
        <v>43</v>
      </c>
      <c r="D61" s="149"/>
      <c r="E61" s="149"/>
      <c r="F61" s="149"/>
      <c r="G61" s="149"/>
      <c r="H61" s="149"/>
      <c r="I61" s="149"/>
      <c r="J61" s="149"/>
      <c r="K61" s="149"/>
      <c r="L61" s="149"/>
      <c r="M61" s="149"/>
      <c r="N61" s="149"/>
      <c r="O61" s="149"/>
      <c r="P61" s="149"/>
      <c r="Q61" s="149"/>
      <c r="R61" s="149"/>
      <c r="S61" s="149"/>
      <c r="T61" s="149"/>
      <c r="U61" s="149"/>
      <c r="V61" s="149"/>
      <c r="W61" s="149"/>
      <c r="X61" s="149"/>
      <c r="Y61" s="132"/>
      <c r="Z61" s="132"/>
      <c r="AA61" s="132"/>
    </row>
    <row r="62" spans="1:27" s="45" customFormat="1" ht="24" customHeight="1">
      <c r="A62" s="34"/>
      <c r="B62" s="119" t="s">
        <v>90</v>
      </c>
      <c r="C62" s="267" t="s">
        <v>91</v>
      </c>
      <c r="D62" s="268"/>
      <c r="E62" s="268"/>
      <c r="F62" s="268"/>
      <c r="G62" s="268"/>
      <c r="H62" s="268"/>
      <c r="I62" s="268"/>
      <c r="J62" s="268"/>
      <c r="K62" s="268"/>
      <c r="L62" s="268"/>
      <c r="M62" s="268"/>
      <c r="N62" s="268"/>
      <c r="O62" s="268"/>
      <c r="P62" s="268"/>
      <c r="Q62" s="268"/>
      <c r="R62" s="268"/>
      <c r="S62" s="268"/>
      <c r="T62" s="268"/>
      <c r="U62" s="268"/>
      <c r="V62" s="268"/>
      <c r="W62" s="268"/>
      <c r="X62" s="269"/>
      <c r="Y62" s="136"/>
      <c r="Z62" s="137"/>
      <c r="AA62" s="138"/>
    </row>
    <row r="63" spans="1:27" s="45" customFormat="1" ht="9" customHeight="1">
      <c r="A63" s="34"/>
      <c r="B63" s="87"/>
      <c r="C63" s="191"/>
      <c r="D63" s="191"/>
      <c r="E63" s="191"/>
      <c r="F63" s="191"/>
      <c r="G63" s="191"/>
      <c r="H63" s="191"/>
      <c r="I63" s="191"/>
      <c r="J63" s="191"/>
      <c r="K63" s="191"/>
      <c r="L63" s="191"/>
      <c r="M63" s="191"/>
      <c r="N63" s="191"/>
      <c r="O63" s="191"/>
      <c r="P63" s="191"/>
      <c r="Q63" s="191"/>
      <c r="R63" s="191"/>
      <c r="S63" s="191"/>
      <c r="T63" s="191"/>
      <c r="U63" s="191"/>
      <c r="V63" s="191"/>
      <c r="W63" s="191"/>
      <c r="X63" s="191"/>
      <c r="Y63" s="192"/>
      <c r="Z63" s="192"/>
      <c r="AA63" s="192"/>
    </row>
    <row r="64" spans="1:27" s="45" customFormat="1" ht="21" customHeight="1">
      <c r="A64" s="34" t="s">
        <v>123</v>
      </c>
      <c r="B64" s="87"/>
      <c r="C64" s="43"/>
      <c r="D64" s="43"/>
      <c r="E64" s="43"/>
      <c r="F64" s="43"/>
      <c r="G64" s="43"/>
      <c r="H64" s="43"/>
      <c r="I64" s="43"/>
      <c r="J64" s="44"/>
      <c r="K64" s="44"/>
      <c r="L64" s="44"/>
      <c r="M64" s="44"/>
      <c r="N64" s="44"/>
      <c r="O64" s="44"/>
      <c r="P64" s="44"/>
      <c r="Q64" s="44"/>
      <c r="R64" s="44"/>
      <c r="Y64" s="37"/>
      <c r="Z64" s="37"/>
      <c r="AA64" s="37"/>
    </row>
    <row r="65" spans="1:27" s="45" customFormat="1" ht="60" customHeight="1">
      <c r="A65" s="34"/>
      <c r="B65" s="119" t="s">
        <v>36</v>
      </c>
      <c r="C65" s="151" t="s">
        <v>92</v>
      </c>
      <c r="D65" s="151"/>
      <c r="E65" s="151"/>
      <c r="F65" s="151"/>
      <c r="G65" s="151"/>
      <c r="H65" s="151"/>
      <c r="I65" s="151"/>
      <c r="J65" s="151"/>
      <c r="K65" s="151"/>
      <c r="L65" s="151"/>
      <c r="M65" s="151"/>
      <c r="N65" s="151"/>
      <c r="O65" s="151"/>
      <c r="P65" s="151"/>
      <c r="Q65" s="151"/>
      <c r="R65" s="151"/>
      <c r="S65" s="151"/>
      <c r="T65" s="151"/>
      <c r="U65" s="151"/>
      <c r="V65" s="151"/>
      <c r="W65" s="151"/>
      <c r="X65" s="151"/>
      <c r="Y65" s="132"/>
      <c r="Z65" s="132"/>
      <c r="AA65" s="132"/>
    </row>
    <row r="66" spans="1:27" s="45" customFormat="1" ht="42" customHeight="1">
      <c r="A66" s="34"/>
      <c r="B66" s="119" t="s">
        <v>21</v>
      </c>
      <c r="C66" s="151" t="s">
        <v>174</v>
      </c>
      <c r="D66" s="151"/>
      <c r="E66" s="151"/>
      <c r="F66" s="151"/>
      <c r="G66" s="151"/>
      <c r="H66" s="151"/>
      <c r="I66" s="151"/>
      <c r="J66" s="151"/>
      <c r="K66" s="151"/>
      <c r="L66" s="151"/>
      <c r="M66" s="151"/>
      <c r="N66" s="151"/>
      <c r="O66" s="151"/>
      <c r="P66" s="151"/>
      <c r="Q66" s="151"/>
      <c r="R66" s="151"/>
      <c r="S66" s="151"/>
      <c r="T66" s="151"/>
      <c r="U66" s="151"/>
      <c r="V66" s="151"/>
      <c r="W66" s="151"/>
      <c r="X66" s="151"/>
      <c r="Y66" s="132"/>
      <c r="Z66" s="132"/>
      <c r="AA66" s="132"/>
    </row>
    <row r="67" spans="1:27" s="45" customFormat="1" ht="30" customHeight="1">
      <c r="A67" s="34"/>
      <c r="B67" s="119" t="s">
        <v>23</v>
      </c>
      <c r="C67" s="151" t="s">
        <v>44</v>
      </c>
      <c r="D67" s="151"/>
      <c r="E67" s="151"/>
      <c r="F67" s="151"/>
      <c r="G67" s="151"/>
      <c r="H67" s="151"/>
      <c r="I67" s="151"/>
      <c r="J67" s="151"/>
      <c r="K67" s="151"/>
      <c r="L67" s="151"/>
      <c r="M67" s="151"/>
      <c r="N67" s="151"/>
      <c r="O67" s="151"/>
      <c r="P67" s="151"/>
      <c r="Q67" s="151"/>
      <c r="R67" s="151"/>
      <c r="S67" s="151"/>
      <c r="T67" s="151"/>
      <c r="U67" s="151"/>
      <c r="V67" s="151"/>
      <c r="W67" s="151"/>
      <c r="X67" s="151"/>
      <c r="Y67" s="132"/>
      <c r="Z67" s="132"/>
      <c r="AA67" s="132"/>
    </row>
    <row r="68" spans="1:27" s="45" customFormat="1" ht="9" customHeight="1">
      <c r="A68" s="34"/>
      <c r="B68" s="23"/>
      <c r="C68" s="120"/>
      <c r="D68" s="120"/>
      <c r="E68" s="120"/>
      <c r="F68" s="120"/>
      <c r="G68" s="120"/>
      <c r="H68" s="120"/>
      <c r="I68" s="120"/>
      <c r="J68" s="120"/>
      <c r="K68" s="120"/>
      <c r="L68" s="120"/>
      <c r="M68" s="120"/>
      <c r="N68" s="120"/>
      <c r="O68" s="120"/>
      <c r="P68" s="120"/>
      <c r="Q68" s="120"/>
      <c r="R68" s="120"/>
      <c r="S68" s="120"/>
      <c r="T68" s="120"/>
      <c r="U68" s="120"/>
      <c r="V68" s="120"/>
      <c r="W68" s="120"/>
      <c r="X68" s="120"/>
      <c r="Y68" s="107"/>
      <c r="Z68" s="107"/>
      <c r="AA68" s="107"/>
    </row>
    <row r="69" spans="1:27" s="45" customFormat="1" ht="21" customHeight="1">
      <c r="A69" s="34" t="s">
        <v>124</v>
      </c>
      <c r="B69" s="23"/>
      <c r="C69" s="120"/>
      <c r="D69" s="120"/>
      <c r="E69" s="120"/>
      <c r="F69" s="120"/>
      <c r="G69" s="120"/>
      <c r="H69" s="120"/>
      <c r="I69" s="120"/>
      <c r="J69" s="120"/>
      <c r="K69" s="120"/>
      <c r="L69" s="120"/>
      <c r="M69" s="120"/>
      <c r="N69" s="120"/>
      <c r="O69" s="120"/>
      <c r="P69" s="120"/>
      <c r="Q69" s="120"/>
      <c r="R69" s="120"/>
      <c r="S69" s="120"/>
      <c r="T69" s="120"/>
      <c r="U69" s="120"/>
      <c r="V69" s="120"/>
      <c r="W69" s="120"/>
      <c r="X69" s="120"/>
      <c r="Y69" s="107"/>
      <c r="Z69" s="107"/>
      <c r="AA69" s="107"/>
    </row>
    <row r="70" spans="1:27" s="45" customFormat="1" ht="30" customHeight="1">
      <c r="A70" s="34"/>
      <c r="B70" s="119" t="s">
        <v>36</v>
      </c>
      <c r="C70" s="151" t="s">
        <v>45</v>
      </c>
      <c r="D70" s="151"/>
      <c r="E70" s="151"/>
      <c r="F70" s="151"/>
      <c r="G70" s="151"/>
      <c r="H70" s="151"/>
      <c r="I70" s="151"/>
      <c r="J70" s="151"/>
      <c r="K70" s="151"/>
      <c r="L70" s="151"/>
      <c r="M70" s="151"/>
      <c r="N70" s="151"/>
      <c r="O70" s="151"/>
      <c r="P70" s="151"/>
      <c r="Q70" s="151"/>
      <c r="R70" s="151"/>
      <c r="S70" s="151"/>
      <c r="T70" s="151"/>
      <c r="U70" s="151"/>
      <c r="V70" s="151"/>
      <c r="W70" s="151"/>
      <c r="X70" s="151"/>
      <c r="Y70" s="132"/>
      <c r="Z70" s="132"/>
      <c r="AA70" s="132"/>
    </row>
    <row r="71" spans="1:27" s="54" customFormat="1" ht="9" customHeight="1">
      <c r="B71" s="55"/>
      <c r="C71" s="61"/>
      <c r="D71" s="61"/>
      <c r="E71" s="61"/>
      <c r="F71" s="61"/>
      <c r="G71" s="61"/>
      <c r="H71" s="61"/>
      <c r="I71" s="61"/>
      <c r="J71" s="61"/>
      <c r="K71" s="61"/>
      <c r="L71" s="61"/>
      <c r="M71" s="61"/>
      <c r="N71" s="61"/>
      <c r="O71" s="61"/>
      <c r="P71" s="61"/>
      <c r="Q71" s="61"/>
      <c r="R71" s="61"/>
      <c r="S71" s="61"/>
      <c r="T71" s="61"/>
      <c r="U71" s="61"/>
      <c r="V71" s="61"/>
      <c r="W71" s="61"/>
      <c r="X71" s="61"/>
      <c r="Y71" s="105"/>
      <c r="Z71" s="105"/>
      <c r="AA71" s="105"/>
    </row>
    <row r="72" spans="1:27" s="1" customFormat="1" ht="12.75" customHeight="1">
      <c r="A72" s="115"/>
      <c r="B72" s="23"/>
      <c r="C72" s="114"/>
      <c r="D72" s="38"/>
      <c r="E72" s="38"/>
      <c r="F72" s="38"/>
      <c r="G72" s="38"/>
      <c r="H72" s="38"/>
      <c r="I72" s="38"/>
      <c r="J72" s="27"/>
      <c r="K72" s="27"/>
      <c r="L72" s="27"/>
      <c r="M72" s="27"/>
      <c r="N72" s="27"/>
      <c r="O72" s="27"/>
      <c r="P72" s="27"/>
      <c r="Q72" s="27"/>
      <c r="R72" s="27"/>
      <c r="S72" s="28"/>
      <c r="T72" s="28"/>
      <c r="U72" s="28"/>
      <c r="V72" s="28"/>
      <c r="W72" s="28"/>
      <c r="X72" s="28"/>
      <c r="Y72" s="107"/>
      <c r="Z72" s="107"/>
      <c r="AA72" s="107"/>
    </row>
    <row r="73" spans="1:27" s="1" customFormat="1" ht="12.75" customHeight="1">
      <c r="A73" s="115"/>
      <c r="B73" s="23"/>
      <c r="C73" s="114"/>
      <c r="D73" s="38"/>
      <c r="E73" s="38"/>
      <c r="F73" s="38"/>
      <c r="G73" s="38"/>
      <c r="H73" s="38"/>
      <c r="I73" s="38"/>
      <c r="J73" s="27"/>
      <c r="K73" s="27"/>
      <c r="L73" s="27"/>
      <c r="M73" s="27"/>
      <c r="N73" s="27"/>
      <c r="O73" s="27"/>
      <c r="P73" s="27"/>
      <c r="Q73" s="27"/>
      <c r="R73" s="27"/>
      <c r="S73" s="28"/>
      <c r="T73" s="28"/>
      <c r="U73" s="28"/>
      <c r="V73" s="28"/>
      <c r="W73" s="28"/>
      <c r="X73" s="28"/>
      <c r="Y73" s="107"/>
      <c r="Z73" s="107"/>
      <c r="AA73" s="107"/>
    </row>
    <row r="74" spans="1:27" s="1" customFormat="1" ht="16.5" customHeight="1">
      <c r="A74" s="115"/>
      <c r="B74" s="23"/>
      <c r="C74" s="114"/>
      <c r="D74" s="38"/>
      <c r="E74" s="38"/>
      <c r="F74" s="38"/>
      <c r="G74" s="38"/>
      <c r="H74" s="38"/>
      <c r="I74" s="38"/>
      <c r="J74" s="27"/>
      <c r="K74" s="27"/>
      <c r="L74" s="27"/>
      <c r="M74" s="27"/>
      <c r="N74" s="27"/>
      <c r="O74" s="27"/>
      <c r="P74" s="27"/>
      <c r="Q74" s="27"/>
      <c r="R74" s="27"/>
      <c r="S74" s="28"/>
      <c r="T74" s="28"/>
      <c r="U74" s="28"/>
      <c r="V74" s="28"/>
      <c r="W74" s="28"/>
      <c r="X74" s="28"/>
      <c r="Y74" s="107"/>
      <c r="Z74" s="107"/>
      <c r="AA74" s="107"/>
    </row>
    <row r="75" spans="1:27" s="1" customFormat="1" ht="21" customHeight="1">
      <c r="A75" s="34" t="s">
        <v>125</v>
      </c>
      <c r="B75" s="87"/>
      <c r="C75" s="43"/>
      <c r="D75" s="43"/>
      <c r="E75" s="43"/>
      <c r="F75" s="43"/>
      <c r="G75" s="43"/>
      <c r="H75" s="43"/>
      <c r="I75" s="43"/>
      <c r="J75" s="44"/>
      <c r="K75" s="44"/>
      <c r="L75" s="44"/>
      <c r="M75" s="44"/>
      <c r="N75" s="44"/>
      <c r="O75" s="44"/>
      <c r="P75" s="44"/>
      <c r="Q75" s="44"/>
      <c r="R75" s="44"/>
      <c r="S75" s="45"/>
      <c r="T75" s="45"/>
      <c r="U75" s="45"/>
      <c r="V75" s="45"/>
      <c r="W75" s="45"/>
      <c r="X75" s="45"/>
      <c r="Y75" s="37"/>
      <c r="Z75" s="37"/>
      <c r="AA75" s="37"/>
    </row>
    <row r="76" spans="1:27" s="1" customFormat="1" ht="42" customHeight="1">
      <c r="A76" s="32"/>
      <c r="B76" s="109" t="s">
        <v>12</v>
      </c>
      <c r="C76" s="149" t="s">
        <v>46</v>
      </c>
      <c r="D76" s="149"/>
      <c r="E76" s="149"/>
      <c r="F76" s="149"/>
      <c r="G76" s="149"/>
      <c r="H76" s="149"/>
      <c r="I76" s="149"/>
      <c r="J76" s="149"/>
      <c r="K76" s="149"/>
      <c r="L76" s="149"/>
      <c r="M76" s="149"/>
      <c r="N76" s="149"/>
      <c r="O76" s="149"/>
      <c r="P76" s="149"/>
      <c r="Q76" s="149"/>
      <c r="R76" s="149"/>
      <c r="S76" s="149"/>
      <c r="T76" s="149"/>
      <c r="U76" s="149"/>
      <c r="V76" s="149"/>
      <c r="W76" s="149"/>
      <c r="X76" s="149"/>
      <c r="Y76" s="132"/>
      <c r="Z76" s="132"/>
      <c r="AA76" s="132"/>
    </row>
    <row r="77" spans="1:27" s="1" customFormat="1" ht="24" customHeight="1">
      <c r="A77" s="115"/>
      <c r="B77" s="109" t="s">
        <v>21</v>
      </c>
      <c r="C77" s="149" t="s">
        <v>47</v>
      </c>
      <c r="D77" s="149"/>
      <c r="E77" s="149"/>
      <c r="F77" s="149"/>
      <c r="G77" s="149"/>
      <c r="H77" s="149"/>
      <c r="I77" s="149"/>
      <c r="J77" s="149"/>
      <c r="K77" s="149"/>
      <c r="L77" s="149"/>
      <c r="M77" s="149"/>
      <c r="N77" s="149"/>
      <c r="O77" s="149"/>
      <c r="P77" s="149"/>
      <c r="Q77" s="149"/>
      <c r="R77" s="149"/>
      <c r="S77" s="149"/>
      <c r="T77" s="149"/>
      <c r="U77" s="149"/>
      <c r="V77" s="149"/>
      <c r="W77" s="149"/>
      <c r="X77" s="149"/>
      <c r="Y77" s="132"/>
      <c r="Z77" s="132"/>
      <c r="AA77" s="132"/>
    </row>
    <row r="78" spans="1:27" s="1" customFormat="1" ht="9" customHeight="1">
      <c r="B78" s="92"/>
      <c r="C78" s="46"/>
      <c r="D78" s="28"/>
      <c r="E78" s="28"/>
      <c r="F78" s="28"/>
      <c r="G78" s="28"/>
      <c r="H78" s="28"/>
      <c r="I78" s="28"/>
      <c r="J78" s="28"/>
      <c r="K78" s="28"/>
      <c r="L78" s="28"/>
      <c r="M78" s="28"/>
      <c r="N78" s="28"/>
      <c r="O78" s="28"/>
      <c r="P78" s="28"/>
      <c r="Q78" s="28"/>
      <c r="R78" s="28"/>
      <c r="S78" s="28"/>
      <c r="T78" s="28"/>
      <c r="U78" s="28"/>
      <c r="V78" s="28"/>
      <c r="W78" s="28"/>
      <c r="X78" s="28"/>
      <c r="Y78" s="39"/>
      <c r="Z78" s="39"/>
      <c r="AA78" s="39"/>
    </row>
    <row r="79" spans="1:27" s="45" customFormat="1" ht="21" customHeight="1">
      <c r="A79" s="34" t="s">
        <v>126</v>
      </c>
      <c r="B79" s="87"/>
      <c r="C79" s="43"/>
      <c r="D79" s="43"/>
      <c r="E79" s="43"/>
      <c r="F79" s="43"/>
      <c r="G79" s="43"/>
      <c r="H79" s="43"/>
      <c r="I79" s="43"/>
      <c r="J79" s="44"/>
      <c r="K79" s="44"/>
      <c r="L79" s="44"/>
      <c r="M79" s="44"/>
      <c r="N79" s="44"/>
      <c r="O79" s="44"/>
      <c r="P79" s="44"/>
      <c r="Q79" s="44"/>
      <c r="R79" s="44"/>
      <c r="Y79" s="37"/>
      <c r="Z79" s="37"/>
      <c r="AA79" s="37"/>
    </row>
    <row r="80" spans="1:27" s="62" customFormat="1" ht="24" customHeight="1">
      <c r="B80" s="121" t="s">
        <v>12</v>
      </c>
      <c r="C80" s="141" t="s">
        <v>48</v>
      </c>
      <c r="D80" s="142"/>
      <c r="E80" s="142"/>
      <c r="F80" s="142"/>
      <c r="G80" s="142"/>
      <c r="H80" s="142"/>
      <c r="I80" s="142"/>
      <c r="J80" s="142"/>
      <c r="K80" s="142"/>
      <c r="L80" s="142"/>
      <c r="M80" s="142"/>
      <c r="N80" s="142"/>
      <c r="O80" s="142"/>
      <c r="P80" s="142"/>
      <c r="Q80" s="142"/>
      <c r="R80" s="142"/>
      <c r="S80" s="142"/>
      <c r="T80" s="142"/>
      <c r="U80" s="142"/>
      <c r="V80" s="142"/>
      <c r="W80" s="142"/>
      <c r="X80" s="142"/>
      <c r="Y80" s="140"/>
      <c r="Z80" s="140"/>
      <c r="AA80" s="140"/>
    </row>
    <row r="81" spans="1:31" s="1" customFormat="1" ht="24" customHeight="1">
      <c r="A81" s="32"/>
      <c r="B81" s="42" t="s">
        <v>21</v>
      </c>
      <c r="C81" s="143" t="s">
        <v>49</v>
      </c>
      <c r="D81" s="144"/>
      <c r="E81" s="144"/>
      <c r="F81" s="144"/>
      <c r="G81" s="144"/>
      <c r="H81" s="144"/>
      <c r="I81" s="144"/>
      <c r="J81" s="144"/>
      <c r="K81" s="144"/>
      <c r="L81" s="144"/>
      <c r="M81" s="144"/>
      <c r="N81" s="144"/>
      <c r="O81" s="144"/>
      <c r="P81" s="144"/>
      <c r="Q81" s="144"/>
      <c r="R81" s="144"/>
      <c r="S81" s="144"/>
      <c r="T81" s="144"/>
      <c r="U81" s="144"/>
      <c r="V81" s="144"/>
      <c r="W81" s="144"/>
      <c r="X81" s="145"/>
      <c r="Y81" s="146"/>
      <c r="Z81" s="147"/>
      <c r="AA81" s="148"/>
    </row>
    <row r="82" spans="1:31" s="1" customFormat="1" ht="24" customHeight="1">
      <c r="A82" s="115"/>
      <c r="B82" s="119" t="s">
        <v>23</v>
      </c>
      <c r="C82" s="149" t="s">
        <v>50</v>
      </c>
      <c r="D82" s="149"/>
      <c r="E82" s="149"/>
      <c r="F82" s="149"/>
      <c r="G82" s="149"/>
      <c r="H82" s="149"/>
      <c r="I82" s="149"/>
      <c r="J82" s="149"/>
      <c r="K82" s="149"/>
      <c r="L82" s="149"/>
      <c r="M82" s="149"/>
      <c r="N82" s="149"/>
      <c r="O82" s="149"/>
      <c r="P82" s="149"/>
      <c r="Q82" s="149"/>
      <c r="R82" s="149"/>
      <c r="S82" s="149"/>
      <c r="T82" s="149"/>
      <c r="U82" s="149"/>
      <c r="V82" s="149"/>
      <c r="W82" s="149"/>
      <c r="X82" s="149"/>
      <c r="Y82" s="132"/>
      <c r="Z82" s="132"/>
      <c r="AA82" s="132"/>
    </row>
    <row r="83" spans="1:31" s="1" customFormat="1" ht="24" customHeight="1">
      <c r="A83" s="115"/>
      <c r="B83" s="119" t="s">
        <v>25</v>
      </c>
      <c r="C83" s="149" t="s">
        <v>51</v>
      </c>
      <c r="D83" s="149"/>
      <c r="E83" s="149"/>
      <c r="F83" s="149"/>
      <c r="G83" s="149"/>
      <c r="H83" s="149"/>
      <c r="I83" s="149"/>
      <c r="J83" s="149"/>
      <c r="K83" s="149"/>
      <c r="L83" s="149"/>
      <c r="M83" s="149"/>
      <c r="N83" s="149"/>
      <c r="O83" s="149"/>
      <c r="P83" s="149"/>
      <c r="Q83" s="149"/>
      <c r="R83" s="149"/>
      <c r="S83" s="149"/>
      <c r="T83" s="149"/>
      <c r="U83" s="149"/>
      <c r="V83" s="149"/>
      <c r="W83" s="149"/>
      <c r="X83" s="149"/>
      <c r="Y83" s="132"/>
      <c r="Z83" s="132"/>
      <c r="AA83" s="132"/>
    </row>
    <row r="84" spans="1:31" s="1" customFormat="1" ht="9" customHeight="1">
      <c r="B84" s="89"/>
      <c r="Y84" s="37"/>
      <c r="Z84" s="37"/>
      <c r="AA84" s="37"/>
    </row>
    <row r="85" spans="1:31" s="45" customFormat="1" ht="21" customHeight="1">
      <c r="A85" s="34" t="s">
        <v>127</v>
      </c>
      <c r="B85" s="87"/>
      <c r="C85" s="43"/>
      <c r="D85" s="43"/>
      <c r="E85" s="43"/>
      <c r="F85" s="43"/>
      <c r="G85" s="43"/>
      <c r="H85" s="43"/>
      <c r="I85" s="43"/>
      <c r="J85" s="44"/>
      <c r="K85" s="44"/>
      <c r="L85" s="44"/>
      <c r="M85" s="44"/>
      <c r="N85" s="44"/>
      <c r="O85" s="44"/>
      <c r="P85" s="44"/>
      <c r="Q85" s="44"/>
      <c r="R85" s="44"/>
      <c r="Y85" s="37"/>
      <c r="Z85" s="37"/>
      <c r="AA85" s="37"/>
    </row>
    <row r="86" spans="1:31" s="1" customFormat="1" ht="24" customHeight="1">
      <c r="A86" s="32"/>
      <c r="B86" s="119" t="s">
        <v>36</v>
      </c>
      <c r="C86" s="149" t="s">
        <v>143</v>
      </c>
      <c r="D86" s="149"/>
      <c r="E86" s="149"/>
      <c r="F86" s="149"/>
      <c r="G86" s="149"/>
      <c r="H86" s="149"/>
      <c r="I86" s="149"/>
      <c r="J86" s="149"/>
      <c r="K86" s="149"/>
      <c r="L86" s="149"/>
      <c r="M86" s="149"/>
      <c r="N86" s="149"/>
      <c r="O86" s="149"/>
      <c r="P86" s="149"/>
      <c r="Q86" s="149"/>
      <c r="R86" s="149"/>
      <c r="S86" s="149"/>
      <c r="T86" s="149"/>
      <c r="U86" s="149"/>
      <c r="V86" s="149"/>
      <c r="W86" s="149"/>
      <c r="X86" s="149"/>
      <c r="Y86" s="132"/>
      <c r="Z86" s="132"/>
      <c r="AA86" s="132"/>
    </row>
    <row r="87" spans="1:31" s="1" customFormat="1" ht="9" customHeight="1">
      <c r="B87" s="92"/>
      <c r="C87" s="28"/>
      <c r="D87" s="28"/>
      <c r="E87" s="28"/>
      <c r="F87" s="28"/>
      <c r="G87" s="28"/>
      <c r="H87" s="28"/>
      <c r="I87" s="28"/>
      <c r="J87" s="28"/>
      <c r="K87" s="28"/>
      <c r="L87" s="28"/>
      <c r="M87" s="28"/>
      <c r="N87" s="28"/>
      <c r="O87" s="28"/>
      <c r="P87" s="28"/>
      <c r="Q87" s="28"/>
      <c r="R87" s="28"/>
      <c r="S87" s="28"/>
      <c r="T87" s="28"/>
      <c r="U87" s="28"/>
      <c r="V87" s="28"/>
      <c r="W87" s="28"/>
      <c r="X87" s="28"/>
      <c r="Y87" s="30"/>
      <c r="Z87" s="30"/>
      <c r="AA87" s="30"/>
    </row>
    <row r="88" spans="1:31" s="52" customFormat="1" ht="21" customHeight="1">
      <c r="A88" s="47" t="s">
        <v>128</v>
      </c>
      <c r="B88" s="48"/>
      <c r="C88" s="49"/>
      <c r="D88" s="58"/>
      <c r="E88" s="58"/>
      <c r="F88" s="58"/>
      <c r="G88" s="58"/>
      <c r="H88" s="58"/>
      <c r="I88" s="58"/>
      <c r="J88" s="58"/>
      <c r="K88" s="59"/>
      <c r="L88" s="59"/>
      <c r="M88" s="59"/>
      <c r="N88" s="59"/>
      <c r="O88" s="59"/>
      <c r="P88" s="59"/>
      <c r="Q88" s="59"/>
      <c r="R88" s="59"/>
      <c r="S88" s="59"/>
      <c r="T88" s="60"/>
      <c r="U88" s="60"/>
      <c r="V88" s="60"/>
      <c r="W88" s="60"/>
      <c r="X88" s="60"/>
      <c r="Z88" s="53"/>
      <c r="AA88" s="53"/>
    </row>
    <row r="89" spans="1:31" s="54" customFormat="1" ht="24" customHeight="1">
      <c r="B89" s="122" t="s">
        <v>13</v>
      </c>
      <c r="C89" s="154" t="s">
        <v>52</v>
      </c>
      <c r="D89" s="154"/>
      <c r="E89" s="154"/>
      <c r="F89" s="154"/>
      <c r="G89" s="154"/>
      <c r="H89" s="154"/>
      <c r="I89" s="154"/>
      <c r="J89" s="154"/>
      <c r="K89" s="154"/>
      <c r="L89" s="154"/>
      <c r="M89" s="154"/>
      <c r="N89" s="154"/>
      <c r="O89" s="154"/>
      <c r="P89" s="154"/>
      <c r="Q89" s="154"/>
      <c r="R89" s="154"/>
      <c r="S89" s="154"/>
      <c r="T89" s="154"/>
      <c r="U89" s="154"/>
      <c r="V89" s="154"/>
      <c r="W89" s="154"/>
      <c r="X89" s="154"/>
      <c r="Y89" s="140"/>
      <c r="Z89" s="140"/>
      <c r="AA89" s="140"/>
    </row>
    <row r="90" spans="1:31" s="54" customFormat="1" ht="30" customHeight="1">
      <c r="B90" s="122" t="s">
        <v>21</v>
      </c>
      <c r="C90" s="139" t="s">
        <v>53</v>
      </c>
      <c r="D90" s="139"/>
      <c r="E90" s="139"/>
      <c r="F90" s="139"/>
      <c r="G90" s="139"/>
      <c r="H90" s="139"/>
      <c r="I90" s="139"/>
      <c r="J90" s="139"/>
      <c r="K90" s="139"/>
      <c r="L90" s="139"/>
      <c r="M90" s="139"/>
      <c r="N90" s="139"/>
      <c r="O90" s="139"/>
      <c r="P90" s="139"/>
      <c r="Q90" s="139"/>
      <c r="R90" s="139"/>
      <c r="S90" s="139"/>
      <c r="T90" s="139"/>
      <c r="U90" s="139"/>
      <c r="V90" s="139"/>
      <c r="W90" s="139"/>
      <c r="X90" s="139"/>
      <c r="Y90" s="140"/>
      <c r="Z90" s="140"/>
      <c r="AA90" s="140"/>
    </row>
    <row r="91" spans="1:31" s="54" customFormat="1" ht="9" customHeight="1">
      <c r="B91" s="55"/>
      <c r="C91" s="56"/>
      <c r="D91" s="56"/>
      <c r="E91" s="56"/>
      <c r="F91" s="56"/>
      <c r="G91" s="56"/>
      <c r="H91" s="56"/>
      <c r="I91" s="56"/>
      <c r="J91" s="56"/>
      <c r="K91" s="56"/>
      <c r="L91" s="56"/>
      <c r="M91" s="56"/>
      <c r="N91" s="56"/>
      <c r="O91" s="56"/>
      <c r="P91" s="56"/>
      <c r="Q91" s="56"/>
      <c r="R91" s="56"/>
      <c r="S91" s="56"/>
      <c r="T91" s="56"/>
      <c r="U91" s="56"/>
      <c r="V91" s="56"/>
      <c r="W91" s="56"/>
      <c r="X91" s="56"/>
      <c r="Y91" s="57"/>
      <c r="Z91" s="57"/>
      <c r="AA91" s="57"/>
    </row>
    <row r="92" spans="1:31" s="52" customFormat="1" ht="21" customHeight="1">
      <c r="A92" s="47" t="s">
        <v>129</v>
      </c>
      <c r="B92" s="93"/>
      <c r="C92" s="50"/>
      <c r="D92" s="50"/>
      <c r="E92" s="50"/>
      <c r="F92" s="50"/>
      <c r="G92" s="50"/>
      <c r="H92" s="50"/>
      <c r="I92" s="50"/>
      <c r="J92" s="51"/>
      <c r="K92" s="51"/>
      <c r="L92" s="51"/>
      <c r="M92" s="51"/>
      <c r="N92" s="51"/>
      <c r="O92" s="51"/>
      <c r="P92" s="51"/>
      <c r="Q92" s="51"/>
      <c r="R92" s="51"/>
      <c r="Y92" s="53"/>
      <c r="Z92" s="53"/>
      <c r="AA92" s="53"/>
    </row>
    <row r="93" spans="1:31" s="54" customFormat="1" ht="24" customHeight="1">
      <c r="B93" s="94" t="s">
        <v>36</v>
      </c>
      <c r="C93" s="155" t="s">
        <v>54</v>
      </c>
      <c r="D93" s="156"/>
      <c r="E93" s="156"/>
      <c r="F93" s="156"/>
      <c r="G93" s="156"/>
      <c r="H93" s="156"/>
      <c r="I93" s="156"/>
      <c r="J93" s="156"/>
      <c r="K93" s="156"/>
      <c r="L93" s="156"/>
      <c r="M93" s="156"/>
      <c r="N93" s="156"/>
      <c r="O93" s="156"/>
      <c r="P93" s="156"/>
      <c r="Q93" s="156"/>
      <c r="R93" s="156"/>
      <c r="S93" s="156"/>
      <c r="T93" s="156"/>
      <c r="U93" s="156"/>
      <c r="V93" s="156"/>
      <c r="W93" s="156"/>
      <c r="X93" s="157"/>
      <c r="Y93" s="158"/>
      <c r="Z93" s="159"/>
      <c r="AA93" s="160"/>
    </row>
    <row r="94" spans="1:31" s="63" customFormat="1" ht="84" customHeight="1">
      <c r="B94" s="112" t="s">
        <v>17</v>
      </c>
      <c r="C94" s="155" t="s">
        <v>55</v>
      </c>
      <c r="D94" s="156"/>
      <c r="E94" s="156"/>
      <c r="F94" s="156"/>
      <c r="G94" s="156"/>
      <c r="H94" s="156"/>
      <c r="I94" s="156"/>
      <c r="J94" s="156"/>
      <c r="K94" s="156"/>
      <c r="L94" s="156"/>
      <c r="M94" s="156"/>
      <c r="N94" s="156"/>
      <c r="O94" s="156"/>
      <c r="P94" s="156"/>
      <c r="Q94" s="156"/>
      <c r="R94" s="156"/>
      <c r="S94" s="156"/>
      <c r="T94" s="156"/>
      <c r="U94" s="156"/>
      <c r="V94" s="156"/>
      <c r="W94" s="156"/>
      <c r="X94" s="157"/>
      <c r="Y94" s="161"/>
      <c r="Z94" s="162"/>
      <c r="AA94" s="163"/>
    </row>
    <row r="95" spans="1:31" s="54" customFormat="1" ht="84" customHeight="1">
      <c r="B95" s="121" t="s">
        <v>18</v>
      </c>
      <c r="C95" s="141" t="s">
        <v>56</v>
      </c>
      <c r="D95" s="152"/>
      <c r="E95" s="152"/>
      <c r="F95" s="152"/>
      <c r="G95" s="152"/>
      <c r="H95" s="152"/>
      <c r="I95" s="152"/>
      <c r="J95" s="152"/>
      <c r="K95" s="152"/>
      <c r="L95" s="152"/>
      <c r="M95" s="152"/>
      <c r="N95" s="152"/>
      <c r="O95" s="152"/>
      <c r="P95" s="152"/>
      <c r="Q95" s="152"/>
      <c r="R95" s="152"/>
      <c r="S95" s="152"/>
      <c r="T95" s="152"/>
      <c r="U95" s="152"/>
      <c r="V95" s="152"/>
      <c r="W95" s="152"/>
      <c r="X95" s="152"/>
      <c r="Y95" s="153"/>
      <c r="Z95" s="153"/>
      <c r="AA95" s="153"/>
    </row>
    <row r="96" spans="1:31" s="1" customFormat="1" ht="9" customHeight="1">
      <c r="A96" s="54"/>
      <c r="B96" s="95"/>
      <c r="C96" s="64"/>
      <c r="D96" s="64"/>
      <c r="E96" s="64"/>
      <c r="F96" s="64"/>
      <c r="G96" s="64"/>
      <c r="H96" s="64"/>
      <c r="I96" s="64"/>
      <c r="J96" s="64"/>
      <c r="K96" s="64"/>
      <c r="L96" s="64"/>
      <c r="M96" s="64"/>
      <c r="N96" s="64"/>
      <c r="O96" s="64"/>
      <c r="P96" s="64"/>
      <c r="Q96" s="64"/>
      <c r="R96" s="64"/>
      <c r="S96" s="64"/>
      <c r="T96" s="64"/>
      <c r="U96" s="64"/>
      <c r="V96" s="64"/>
      <c r="W96" s="64"/>
      <c r="X96" s="64"/>
      <c r="Y96" s="65"/>
      <c r="Z96" s="65"/>
      <c r="AA96" s="65"/>
      <c r="AB96" s="54"/>
      <c r="AC96" s="54"/>
      <c r="AD96" s="54"/>
      <c r="AE96" s="54"/>
    </row>
    <row r="97" spans="1:31" s="1" customFormat="1" ht="21" customHeight="1">
      <c r="A97" s="34" t="s">
        <v>130</v>
      </c>
      <c r="B97" s="87"/>
      <c r="C97" s="43"/>
      <c r="D97" s="43"/>
      <c r="E97" s="43"/>
      <c r="F97" s="43"/>
      <c r="G97" s="43"/>
      <c r="H97" s="43"/>
      <c r="I97" s="43"/>
      <c r="J97" s="44"/>
      <c r="K97" s="44"/>
      <c r="L97" s="44"/>
      <c r="M97" s="44"/>
      <c r="N97" s="44"/>
      <c r="O97" s="44"/>
      <c r="P97" s="44"/>
      <c r="Q97" s="44"/>
      <c r="R97" s="44"/>
      <c r="S97" s="45"/>
      <c r="T97" s="45"/>
      <c r="U97" s="45"/>
      <c r="V97" s="45"/>
      <c r="W97" s="45"/>
      <c r="X97" s="45"/>
      <c r="Y97" s="37"/>
      <c r="Z97" s="37"/>
      <c r="AA97" s="37"/>
      <c r="AB97" s="45"/>
      <c r="AC97" s="45"/>
      <c r="AD97" s="45"/>
      <c r="AE97" s="45"/>
    </row>
    <row r="98" spans="1:31" s="66" customFormat="1" ht="30" customHeight="1">
      <c r="A98" s="32"/>
      <c r="B98" s="119" t="s">
        <v>36</v>
      </c>
      <c r="C98" s="131" t="s">
        <v>57</v>
      </c>
      <c r="D98" s="131"/>
      <c r="E98" s="131"/>
      <c r="F98" s="131"/>
      <c r="G98" s="131"/>
      <c r="H98" s="131"/>
      <c r="I98" s="131"/>
      <c r="J98" s="131"/>
      <c r="K98" s="131"/>
      <c r="L98" s="131"/>
      <c r="M98" s="131"/>
      <c r="N98" s="131"/>
      <c r="O98" s="131"/>
      <c r="P98" s="131"/>
      <c r="Q98" s="131"/>
      <c r="R98" s="131"/>
      <c r="S98" s="131"/>
      <c r="T98" s="131"/>
      <c r="U98" s="131"/>
      <c r="V98" s="131"/>
      <c r="W98" s="131"/>
      <c r="X98" s="131"/>
      <c r="Y98" s="132"/>
      <c r="Z98" s="132"/>
      <c r="AA98" s="132"/>
      <c r="AB98" s="1"/>
      <c r="AC98" s="1"/>
      <c r="AD98" s="1"/>
      <c r="AE98" s="1"/>
    </row>
    <row r="99" spans="1:31" s="66" customFormat="1" ht="9" customHeight="1">
      <c r="B99" s="97"/>
      <c r="C99" s="67"/>
      <c r="D99" s="67"/>
      <c r="E99" s="67"/>
      <c r="F99" s="46"/>
      <c r="G99" s="46"/>
      <c r="H99" s="46"/>
      <c r="I99" s="46"/>
      <c r="J99" s="46"/>
      <c r="K99" s="46"/>
      <c r="L99" s="46"/>
      <c r="M99" s="46"/>
      <c r="N99" s="46"/>
      <c r="O99" s="46"/>
      <c r="P99" s="46"/>
      <c r="Q99" s="46"/>
      <c r="R99" s="46"/>
      <c r="S99" s="46"/>
      <c r="T99" s="46"/>
      <c r="U99" s="46"/>
      <c r="V99" s="46"/>
      <c r="W99" s="46"/>
      <c r="X99" s="46"/>
      <c r="Y99" s="30"/>
      <c r="Z99" s="30"/>
      <c r="AA99" s="30"/>
    </row>
    <row r="100" spans="1:31" s="66" customFormat="1" ht="21" customHeight="1">
      <c r="A100" s="34" t="s">
        <v>131</v>
      </c>
      <c r="B100" s="87"/>
      <c r="C100" s="43"/>
      <c r="D100" s="43"/>
      <c r="E100" s="43"/>
      <c r="F100" s="43"/>
      <c r="G100" s="43"/>
      <c r="H100" s="43"/>
      <c r="I100" s="43"/>
      <c r="J100" s="44"/>
      <c r="K100" s="44"/>
      <c r="L100" s="44"/>
      <c r="M100" s="44"/>
      <c r="N100" s="44"/>
      <c r="O100" s="44"/>
      <c r="P100" s="44"/>
      <c r="Q100" s="44"/>
      <c r="R100" s="44"/>
      <c r="S100" s="45"/>
      <c r="T100" s="45"/>
      <c r="U100" s="45"/>
      <c r="V100" s="45"/>
      <c r="W100" s="45"/>
      <c r="X100" s="45"/>
      <c r="Y100" s="37"/>
      <c r="Z100" s="37"/>
      <c r="AA100" s="37"/>
      <c r="AB100" s="45"/>
      <c r="AC100" s="45"/>
      <c r="AD100" s="45"/>
      <c r="AE100" s="45"/>
    </row>
    <row r="101" spans="1:31" s="66" customFormat="1" ht="30" customHeight="1">
      <c r="B101" s="124" t="s">
        <v>36</v>
      </c>
      <c r="C101" s="131" t="s">
        <v>58</v>
      </c>
      <c r="D101" s="131"/>
      <c r="E101" s="131"/>
      <c r="F101" s="131"/>
      <c r="G101" s="131"/>
      <c r="H101" s="131"/>
      <c r="I101" s="131"/>
      <c r="J101" s="131"/>
      <c r="K101" s="131"/>
      <c r="L101" s="131"/>
      <c r="M101" s="131"/>
      <c r="N101" s="131"/>
      <c r="O101" s="131"/>
      <c r="P101" s="131"/>
      <c r="Q101" s="131"/>
      <c r="R101" s="131"/>
      <c r="S101" s="131"/>
      <c r="T101" s="131"/>
      <c r="U101" s="131"/>
      <c r="V101" s="131"/>
      <c r="W101" s="131"/>
      <c r="X101" s="131"/>
      <c r="Y101" s="132"/>
      <c r="Z101" s="132"/>
      <c r="AA101" s="132"/>
    </row>
    <row r="102" spans="1:31" s="66" customFormat="1" ht="9" customHeight="1">
      <c r="B102" s="98"/>
      <c r="Y102" s="37"/>
      <c r="Z102" s="37"/>
      <c r="AA102" s="37"/>
    </row>
    <row r="103" spans="1:31" s="66" customFormat="1" ht="21" customHeight="1">
      <c r="A103" s="34" t="s">
        <v>132</v>
      </c>
      <c r="B103" s="87"/>
      <c r="C103" s="43"/>
      <c r="D103" s="43"/>
      <c r="E103" s="43"/>
      <c r="F103" s="43"/>
      <c r="G103" s="43"/>
      <c r="H103" s="43"/>
      <c r="I103" s="43"/>
      <c r="J103" s="44"/>
      <c r="K103" s="44"/>
      <c r="L103" s="44"/>
      <c r="M103" s="44"/>
      <c r="N103" s="44"/>
      <c r="O103" s="44"/>
      <c r="P103" s="44"/>
      <c r="Q103" s="44"/>
      <c r="R103" s="44"/>
      <c r="S103" s="45"/>
      <c r="T103" s="45"/>
      <c r="U103" s="45"/>
      <c r="V103" s="45"/>
      <c r="W103" s="45"/>
      <c r="X103" s="45"/>
      <c r="Y103" s="37"/>
      <c r="Z103" s="37"/>
      <c r="AA103" s="37"/>
      <c r="AB103" s="45"/>
      <c r="AC103" s="45"/>
      <c r="AD103" s="45"/>
      <c r="AE103" s="45"/>
    </row>
    <row r="104" spans="1:31" s="66" customFormat="1" ht="30" customHeight="1">
      <c r="B104" s="124" t="s">
        <v>36</v>
      </c>
      <c r="C104" s="131" t="s">
        <v>59</v>
      </c>
      <c r="D104" s="131"/>
      <c r="E104" s="131"/>
      <c r="F104" s="131"/>
      <c r="G104" s="131"/>
      <c r="H104" s="131"/>
      <c r="I104" s="131"/>
      <c r="J104" s="131"/>
      <c r="K104" s="131"/>
      <c r="L104" s="131"/>
      <c r="M104" s="131"/>
      <c r="N104" s="131"/>
      <c r="O104" s="131"/>
      <c r="P104" s="131"/>
      <c r="Q104" s="131"/>
      <c r="R104" s="131"/>
      <c r="S104" s="131"/>
      <c r="T104" s="131"/>
      <c r="U104" s="131"/>
      <c r="V104" s="131"/>
      <c r="W104" s="131"/>
      <c r="X104" s="131"/>
      <c r="Y104" s="132"/>
      <c r="Z104" s="132"/>
      <c r="AA104" s="132"/>
    </row>
    <row r="105" spans="1:31" s="66" customFormat="1" ht="54" customHeight="1">
      <c r="B105" s="124" t="s">
        <v>21</v>
      </c>
      <c r="C105" s="131" t="s">
        <v>62</v>
      </c>
      <c r="D105" s="131"/>
      <c r="E105" s="131"/>
      <c r="F105" s="131"/>
      <c r="G105" s="131"/>
      <c r="H105" s="131"/>
      <c r="I105" s="131"/>
      <c r="J105" s="131"/>
      <c r="K105" s="131"/>
      <c r="L105" s="131"/>
      <c r="M105" s="131"/>
      <c r="N105" s="131"/>
      <c r="O105" s="131"/>
      <c r="P105" s="131"/>
      <c r="Q105" s="131"/>
      <c r="R105" s="131"/>
      <c r="S105" s="131"/>
      <c r="T105" s="131"/>
      <c r="U105" s="131"/>
      <c r="V105" s="131"/>
      <c r="W105" s="131"/>
      <c r="X105" s="131"/>
      <c r="Y105" s="132"/>
      <c r="Z105" s="132"/>
      <c r="AA105" s="132"/>
    </row>
    <row r="106" spans="1:31" s="66" customFormat="1" ht="30" customHeight="1">
      <c r="B106" s="124" t="s">
        <v>23</v>
      </c>
      <c r="C106" s="131" t="s">
        <v>60</v>
      </c>
      <c r="D106" s="131"/>
      <c r="E106" s="131"/>
      <c r="F106" s="131"/>
      <c r="G106" s="131"/>
      <c r="H106" s="131"/>
      <c r="I106" s="131"/>
      <c r="J106" s="131"/>
      <c r="K106" s="131"/>
      <c r="L106" s="131"/>
      <c r="M106" s="131"/>
      <c r="N106" s="131"/>
      <c r="O106" s="131"/>
      <c r="P106" s="131"/>
      <c r="Q106" s="131"/>
      <c r="R106" s="131"/>
      <c r="S106" s="131"/>
      <c r="T106" s="131"/>
      <c r="U106" s="131"/>
      <c r="V106" s="131"/>
      <c r="W106" s="131"/>
      <c r="X106" s="131"/>
      <c r="Y106" s="132"/>
      <c r="Z106" s="132"/>
      <c r="AA106" s="132"/>
    </row>
    <row r="107" spans="1:31" s="66" customFormat="1" ht="24" customHeight="1">
      <c r="B107" s="124" t="s">
        <v>25</v>
      </c>
      <c r="C107" s="131" t="s">
        <v>61</v>
      </c>
      <c r="D107" s="131"/>
      <c r="E107" s="131"/>
      <c r="F107" s="131"/>
      <c r="G107" s="131"/>
      <c r="H107" s="131"/>
      <c r="I107" s="131"/>
      <c r="J107" s="131"/>
      <c r="K107" s="131"/>
      <c r="L107" s="131"/>
      <c r="M107" s="131"/>
      <c r="N107" s="131"/>
      <c r="O107" s="131"/>
      <c r="P107" s="131"/>
      <c r="Q107" s="131"/>
      <c r="R107" s="131"/>
      <c r="S107" s="131"/>
      <c r="T107" s="131"/>
      <c r="U107" s="131"/>
      <c r="V107" s="131"/>
      <c r="W107" s="131"/>
      <c r="X107" s="131"/>
      <c r="Y107" s="136"/>
      <c r="Z107" s="137"/>
      <c r="AA107" s="138"/>
    </row>
    <row r="108" spans="1:31" s="66" customFormat="1" ht="24" customHeight="1">
      <c r="B108" s="124" t="s">
        <v>93</v>
      </c>
      <c r="C108" s="131" t="s">
        <v>94</v>
      </c>
      <c r="D108" s="131"/>
      <c r="E108" s="131"/>
      <c r="F108" s="131"/>
      <c r="G108" s="131"/>
      <c r="H108" s="131"/>
      <c r="I108" s="131"/>
      <c r="J108" s="131"/>
      <c r="K108" s="131"/>
      <c r="L108" s="131"/>
      <c r="M108" s="131"/>
      <c r="N108" s="131"/>
      <c r="O108" s="131"/>
      <c r="P108" s="131"/>
      <c r="Q108" s="131"/>
      <c r="R108" s="131"/>
      <c r="S108" s="131"/>
      <c r="T108" s="131"/>
      <c r="U108" s="131"/>
      <c r="V108" s="131"/>
      <c r="W108" s="131"/>
      <c r="X108" s="131"/>
      <c r="Y108" s="132"/>
      <c r="Z108" s="132"/>
      <c r="AA108" s="132"/>
    </row>
    <row r="109" spans="1:31" s="66" customFormat="1" ht="9" customHeight="1">
      <c r="B109" s="97"/>
      <c r="C109" s="110"/>
      <c r="D109" s="110"/>
      <c r="E109" s="110"/>
      <c r="F109" s="110"/>
      <c r="G109" s="110"/>
      <c r="H109" s="110"/>
      <c r="I109" s="110"/>
      <c r="J109" s="110"/>
      <c r="K109" s="110"/>
      <c r="L109" s="110"/>
      <c r="M109" s="110"/>
      <c r="N109" s="110"/>
      <c r="O109" s="110"/>
      <c r="P109" s="110"/>
      <c r="Q109" s="110"/>
      <c r="R109" s="110"/>
      <c r="S109" s="110"/>
      <c r="T109" s="110"/>
      <c r="U109" s="110"/>
      <c r="V109" s="110"/>
      <c r="W109" s="110"/>
      <c r="X109" s="110"/>
      <c r="Y109" s="107"/>
      <c r="Z109" s="107"/>
      <c r="AA109" s="107"/>
    </row>
    <row r="110" spans="1:31" s="1" customFormat="1" ht="12.75" customHeight="1">
      <c r="A110" s="115"/>
      <c r="B110" s="23"/>
      <c r="C110" s="114"/>
      <c r="D110" s="38"/>
      <c r="E110" s="38"/>
      <c r="F110" s="38"/>
      <c r="G110" s="38"/>
      <c r="H110" s="38"/>
      <c r="I110" s="38"/>
      <c r="J110" s="27"/>
      <c r="K110" s="27"/>
      <c r="L110" s="27"/>
      <c r="M110" s="27"/>
      <c r="N110" s="27"/>
      <c r="O110" s="27"/>
      <c r="P110" s="27"/>
      <c r="Q110" s="27"/>
      <c r="R110" s="27"/>
      <c r="S110" s="28"/>
      <c r="T110" s="28"/>
      <c r="U110" s="28"/>
      <c r="V110" s="28"/>
      <c r="W110" s="28"/>
      <c r="X110" s="28"/>
      <c r="Y110" s="107"/>
      <c r="Z110" s="107"/>
      <c r="AA110" s="107"/>
    </row>
    <row r="111" spans="1:31" s="1" customFormat="1" ht="12.75" customHeight="1">
      <c r="A111" s="115"/>
      <c r="B111" s="23"/>
      <c r="C111" s="114"/>
      <c r="D111" s="38"/>
      <c r="E111" s="38"/>
      <c r="F111" s="38"/>
      <c r="G111" s="38"/>
      <c r="H111" s="38"/>
      <c r="I111" s="38"/>
      <c r="J111" s="27"/>
      <c r="K111" s="27"/>
      <c r="L111" s="27"/>
      <c r="M111" s="27"/>
      <c r="N111" s="27"/>
      <c r="O111" s="27"/>
      <c r="P111" s="27"/>
      <c r="Q111" s="27"/>
      <c r="R111" s="27"/>
      <c r="S111" s="28"/>
      <c r="T111" s="28"/>
      <c r="U111" s="28"/>
      <c r="V111" s="28"/>
      <c r="W111" s="28"/>
      <c r="X111" s="28"/>
      <c r="Y111" s="107"/>
      <c r="Z111" s="107"/>
      <c r="AA111" s="107"/>
    </row>
    <row r="112" spans="1:31" s="1" customFormat="1" ht="16.5" customHeight="1">
      <c r="A112" s="115"/>
      <c r="B112" s="23"/>
      <c r="C112" s="114"/>
      <c r="D112" s="38"/>
      <c r="E112" s="38"/>
      <c r="F112" s="38"/>
      <c r="G112" s="38"/>
      <c r="H112" s="38"/>
      <c r="I112" s="38"/>
      <c r="J112" s="27"/>
      <c r="K112" s="27"/>
      <c r="L112" s="27"/>
      <c r="M112" s="27"/>
      <c r="N112" s="27"/>
      <c r="O112" s="27"/>
      <c r="P112" s="27"/>
      <c r="Q112" s="27"/>
      <c r="R112" s="27"/>
      <c r="S112" s="28"/>
      <c r="T112" s="28"/>
      <c r="U112" s="28"/>
      <c r="V112" s="28"/>
      <c r="W112" s="28"/>
      <c r="X112" s="28"/>
      <c r="Y112" s="107"/>
      <c r="Z112" s="107"/>
      <c r="AA112" s="107"/>
    </row>
    <row r="113" spans="1:31" s="54" customFormat="1" ht="21" customHeight="1">
      <c r="A113" s="47" t="s">
        <v>133</v>
      </c>
      <c r="B113" s="93"/>
      <c r="C113" s="50"/>
      <c r="D113" s="50"/>
      <c r="E113" s="50"/>
      <c r="F113" s="50"/>
      <c r="G113" s="50"/>
      <c r="H113" s="50"/>
      <c r="I113" s="50"/>
      <c r="J113" s="51"/>
      <c r="K113" s="51"/>
      <c r="L113" s="51"/>
      <c r="M113" s="51"/>
      <c r="N113" s="51"/>
      <c r="O113" s="51"/>
      <c r="P113" s="51"/>
      <c r="Q113" s="51"/>
      <c r="R113" s="51"/>
      <c r="S113" s="52"/>
      <c r="T113" s="52"/>
      <c r="U113" s="52"/>
      <c r="V113" s="52"/>
      <c r="W113" s="52"/>
      <c r="X113" s="52"/>
      <c r="Y113" s="53"/>
      <c r="Z113" s="53"/>
      <c r="AA113" s="53"/>
      <c r="AB113" s="52"/>
      <c r="AC113" s="52"/>
      <c r="AD113" s="52"/>
      <c r="AE113" s="52"/>
    </row>
    <row r="114" spans="1:31" s="54" customFormat="1" ht="30" customHeight="1">
      <c r="B114" s="125" t="s">
        <v>36</v>
      </c>
      <c r="C114" s="141" t="s">
        <v>63</v>
      </c>
      <c r="D114" s="152"/>
      <c r="E114" s="152"/>
      <c r="F114" s="152"/>
      <c r="G114" s="152"/>
      <c r="H114" s="152"/>
      <c r="I114" s="152"/>
      <c r="J114" s="152"/>
      <c r="K114" s="152"/>
      <c r="L114" s="152"/>
      <c r="M114" s="152"/>
      <c r="N114" s="152"/>
      <c r="O114" s="152"/>
      <c r="P114" s="152"/>
      <c r="Q114" s="152"/>
      <c r="R114" s="152"/>
      <c r="S114" s="152"/>
      <c r="T114" s="152"/>
      <c r="U114" s="152"/>
      <c r="V114" s="152"/>
      <c r="W114" s="152"/>
      <c r="X114" s="152"/>
      <c r="Y114" s="140"/>
      <c r="Z114" s="140"/>
      <c r="AA114" s="140"/>
    </row>
    <row r="115" spans="1:31" s="54" customFormat="1" ht="30" customHeight="1">
      <c r="B115" s="125" t="s">
        <v>21</v>
      </c>
      <c r="C115" s="193" t="s">
        <v>64</v>
      </c>
      <c r="D115" s="193"/>
      <c r="E115" s="193"/>
      <c r="F115" s="193"/>
      <c r="G115" s="193"/>
      <c r="H115" s="193"/>
      <c r="I115" s="193"/>
      <c r="J115" s="193"/>
      <c r="K115" s="193"/>
      <c r="L115" s="193"/>
      <c r="M115" s="193"/>
      <c r="N115" s="193"/>
      <c r="O115" s="193"/>
      <c r="P115" s="193"/>
      <c r="Q115" s="193"/>
      <c r="R115" s="193"/>
      <c r="S115" s="193"/>
      <c r="T115" s="193"/>
      <c r="U115" s="193"/>
      <c r="V115" s="193"/>
      <c r="W115" s="193"/>
      <c r="X115" s="193"/>
      <c r="Y115" s="140"/>
      <c r="Z115" s="140"/>
      <c r="AA115" s="140"/>
    </row>
    <row r="116" spans="1:31" s="54" customFormat="1" ht="9" customHeight="1">
      <c r="B116" s="95"/>
      <c r="C116" s="64"/>
      <c r="D116" s="64"/>
      <c r="E116" s="64"/>
      <c r="F116" s="64"/>
      <c r="G116" s="64"/>
      <c r="H116" s="64"/>
      <c r="I116" s="64"/>
      <c r="J116" s="64"/>
      <c r="K116" s="64"/>
      <c r="L116" s="64"/>
      <c r="M116" s="64"/>
      <c r="N116" s="64"/>
      <c r="O116" s="64"/>
      <c r="P116" s="64"/>
      <c r="Q116" s="64"/>
      <c r="R116" s="64"/>
      <c r="S116" s="64"/>
      <c r="T116" s="64"/>
      <c r="U116" s="64"/>
      <c r="V116" s="64"/>
      <c r="W116" s="64"/>
      <c r="X116" s="64"/>
      <c r="Y116" s="57"/>
      <c r="Z116" s="57"/>
      <c r="AA116" s="57"/>
    </row>
    <row r="117" spans="1:31" s="54" customFormat="1" ht="21" customHeight="1">
      <c r="A117" s="47" t="s">
        <v>134</v>
      </c>
      <c r="B117" s="93"/>
      <c r="C117" s="50"/>
      <c r="D117" s="50"/>
      <c r="E117" s="50"/>
      <c r="F117" s="50"/>
      <c r="G117" s="50"/>
      <c r="H117" s="50"/>
      <c r="I117" s="50"/>
      <c r="J117" s="51"/>
      <c r="K117" s="51"/>
      <c r="L117" s="51"/>
      <c r="M117" s="51"/>
      <c r="N117" s="51"/>
      <c r="O117" s="51"/>
      <c r="P117" s="51"/>
      <c r="Q117" s="51"/>
      <c r="R117" s="51"/>
      <c r="S117" s="52"/>
      <c r="T117" s="52"/>
      <c r="U117" s="52"/>
      <c r="V117" s="52"/>
      <c r="W117" s="52"/>
      <c r="X117" s="52"/>
      <c r="Y117" s="53"/>
      <c r="Z117" s="53"/>
      <c r="AA117" s="53"/>
      <c r="AB117" s="52"/>
      <c r="AC117" s="52"/>
      <c r="AD117" s="52"/>
      <c r="AE117" s="52"/>
    </row>
    <row r="118" spans="1:31" s="54" customFormat="1" ht="72" customHeight="1">
      <c r="B118" s="125" t="s">
        <v>36</v>
      </c>
      <c r="C118" s="141" t="s">
        <v>65</v>
      </c>
      <c r="D118" s="152"/>
      <c r="E118" s="152"/>
      <c r="F118" s="152"/>
      <c r="G118" s="152"/>
      <c r="H118" s="152"/>
      <c r="I118" s="152"/>
      <c r="J118" s="152"/>
      <c r="K118" s="152"/>
      <c r="L118" s="152"/>
      <c r="M118" s="152"/>
      <c r="N118" s="152"/>
      <c r="O118" s="152"/>
      <c r="P118" s="152"/>
      <c r="Q118" s="152"/>
      <c r="R118" s="152"/>
      <c r="S118" s="152"/>
      <c r="T118" s="152"/>
      <c r="U118" s="152"/>
      <c r="V118" s="152"/>
      <c r="W118" s="152"/>
      <c r="X118" s="152"/>
      <c r="Y118" s="140"/>
      <c r="Z118" s="140"/>
      <c r="AA118" s="140"/>
    </row>
    <row r="119" spans="1:31" s="54" customFormat="1" ht="9" customHeight="1">
      <c r="B119" s="95"/>
      <c r="C119" s="126"/>
      <c r="D119" s="64"/>
      <c r="E119" s="64"/>
      <c r="F119" s="64"/>
      <c r="G119" s="64"/>
      <c r="H119" s="64"/>
      <c r="I119" s="64"/>
      <c r="J119" s="64"/>
      <c r="K119" s="64"/>
      <c r="L119" s="64"/>
      <c r="M119" s="64"/>
      <c r="N119" s="64"/>
      <c r="O119" s="64"/>
      <c r="P119" s="64"/>
      <c r="Q119" s="64"/>
      <c r="R119" s="64"/>
      <c r="S119" s="64"/>
      <c r="T119" s="64"/>
      <c r="U119" s="64"/>
      <c r="V119" s="64"/>
      <c r="W119" s="64"/>
      <c r="X119" s="64"/>
      <c r="Y119" s="105"/>
      <c r="Z119" s="105"/>
      <c r="AA119" s="105"/>
    </row>
    <row r="120" spans="1:31" s="1" customFormat="1" ht="12.75" customHeight="1">
      <c r="A120" s="115"/>
      <c r="B120" s="23"/>
      <c r="C120" s="114"/>
      <c r="D120" s="38"/>
      <c r="E120" s="38"/>
      <c r="F120" s="38"/>
      <c r="G120" s="38"/>
      <c r="H120" s="38"/>
      <c r="I120" s="38"/>
      <c r="J120" s="27"/>
      <c r="K120" s="27"/>
      <c r="L120" s="27"/>
      <c r="M120" s="27"/>
      <c r="N120" s="27"/>
      <c r="O120" s="27"/>
      <c r="P120" s="27"/>
      <c r="Q120" s="27"/>
      <c r="R120" s="27"/>
      <c r="S120" s="28"/>
      <c r="T120" s="28"/>
      <c r="U120" s="28"/>
      <c r="V120" s="28"/>
      <c r="W120" s="28"/>
      <c r="X120" s="28"/>
      <c r="Y120" s="107"/>
      <c r="Z120" s="107"/>
      <c r="AA120" s="107"/>
    </row>
    <row r="121" spans="1:31" s="1" customFormat="1" ht="12.75" customHeight="1">
      <c r="A121" s="115"/>
      <c r="B121" s="23"/>
      <c r="C121" s="114"/>
      <c r="D121" s="38"/>
      <c r="E121" s="38"/>
      <c r="F121" s="38"/>
      <c r="G121" s="38"/>
      <c r="H121" s="38"/>
      <c r="I121" s="38"/>
      <c r="J121" s="27"/>
      <c r="K121" s="27"/>
      <c r="L121" s="27"/>
      <c r="M121" s="27"/>
      <c r="N121" s="27"/>
      <c r="O121" s="27"/>
      <c r="P121" s="27"/>
      <c r="Q121" s="27"/>
      <c r="R121" s="27"/>
      <c r="S121" s="28"/>
      <c r="T121" s="28"/>
      <c r="U121" s="28"/>
      <c r="V121" s="28"/>
      <c r="W121" s="28"/>
      <c r="X121" s="28"/>
      <c r="Y121" s="107"/>
      <c r="Z121" s="107"/>
      <c r="AA121" s="107"/>
    </row>
    <row r="122" spans="1:31" s="1" customFormat="1" ht="16.5" customHeight="1">
      <c r="A122" s="115"/>
      <c r="B122" s="23"/>
      <c r="C122" s="114"/>
      <c r="D122" s="38"/>
      <c r="E122" s="38"/>
      <c r="F122" s="38"/>
      <c r="G122" s="38"/>
      <c r="H122" s="38"/>
      <c r="I122" s="38"/>
      <c r="J122" s="27"/>
      <c r="K122" s="27"/>
      <c r="L122" s="27"/>
      <c r="M122" s="27"/>
      <c r="N122" s="27"/>
      <c r="O122" s="27"/>
      <c r="P122" s="27"/>
      <c r="Q122" s="27"/>
      <c r="R122" s="27"/>
      <c r="S122" s="28"/>
      <c r="T122" s="28"/>
      <c r="U122" s="28"/>
      <c r="V122" s="28"/>
      <c r="W122" s="28"/>
      <c r="X122" s="28"/>
      <c r="Y122" s="107"/>
      <c r="Z122" s="107"/>
      <c r="AA122" s="107"/>
    </row>
    <row r="123" spans="1:31" s="54" customFormat="1" ht="21" customHeight="1">
      <c r="A123" s="47" t="s">
        <v>135</v>
      </c>
      <c r="B123" s="48"/>
      <c r="C123" s="49"/>
      <c r="D123" s="58"/>
      <c r="E123" s="58"/>
      <c r="F123" s="58"/>
      <c r="G123" s="58"/>
      <c r="H123" s="58"/>
      <c r="I123" s="58"/>
      <c r="J123" s="58"/>
      <c r="K123" s="59"/>
      <c r="L123" s="59"/>
      <c r="M123" s="59"/>
      <c r="N123" s="59"/>
      <c r="O123" s="59"/>
      <c r="P123" s="59"/>
      <c r="Q123" s="59"/>
      <c r="R123" s="59"/>
      <c r="S123" s="59"/>
      <c r="T123" s="60"/>
      <c r="U123" s="60"/>
      <c r="V123" s="60"/>
      <c r="W123" s="60"/>
      <c r="X123" s="60"/>
      <c r="Y123" s="52"/>
      <c r="Z123" s="53"/>
      <c r="AA123" s="53"/>
      <c r="AB123" s="52"/>
      <c r="AC123" s="52"/>
      <c r="AD123" s="52"/>
      <c r="AE123" s="52"/>
    </row>
    <row r="124" spans="1:31" s="54" customFormat="1" ht="54" customHeight="1">
      <c r="B124" s="122" t="s">
        <v>36</v>
      </c>
      <c r="C124" s="139" t="s">
        <v>66</v>
      </c>
      <c r="D124" s="139"/>
      <c r="E124" s="139"/>
      <c r="F124" s="139"/>
      <c r="G124" s="139"/>
      <c r="H124" s="139"/>
      <c r="I124" s="139"/>
      <c r="J124" s="139"/>
      <c r="K124" s="139"/>
      <c r="L124" s="139"/>
      <c r="M124" s="139"/>
      <c r="N124" s="139"/>
      <c r="O124" s="139"/>
      <c r="P124" s="139"/>
      <c r="Q124" s="139"/>
      <c r="R124" s="139"/>
      <c r="S124" s="139"/>
      <c r="T124" s="139"/>
      <c r="U124" s="139"/>
      <c r="V124" s="139"/>
      <c r="W124" s="139"/>
      <c r="X124" s="139"/>
      <c r="Y124" s="140"/>
      <c r="Z124" s="140"/>
      <c r="AA124" s="140"/>
    </row>
    <row r="125" spans="1:31" s="54" customFormat="1" ht="72" customHeight="1">
      <c r="B125" s="122" t="s">
        <v>21</v>
      </c>
      <c r="C125" s="139" t="s">
        <v>67</v>
      </c>
      <c r="D125" s="139"/>
      <c r="E125" s="139"/>
      <c r="F125" s="139"/>
      <c r="G125" s="139"/>
      <c r="H125" s="139"/>
      <c r="I125" s="139"/>
      <c r="J125" s="139"/>
      <c r="K125" s="139"/>
      <c r="L125" s="139"/>
      <c r="M125" s="139"/>
      <c r="N125" s="139"/>
      <c r="O125" s="139"/>
      <c r="P125" s="139"/>
      <c r="Q125" s="139"/>
      <c r="R125" s="139"/>
      <c r="S125" s="139"/>
      <c r="T125" s="139"/>
      <c r="U125" s="139"/>
      <c r="V125" s="139"/>
      <c r="W125" s="139"/>
      <c r="X125" s="139"/>
      <c r="Y125" s="140"/>
      <c r="Z125" s="140"/>
      <c r="AA125" s="140"/>
    </row>
    <row r="126" spans="1:31" s="54" customFormat="1" ht="24" customHeight="1">
      <c r="B126" s="122" t="s">
        <v>23</v>
      </c>
      <c r="C126" s="139" t="s">
        <v>68</v>
      </c>
      <c r="D126" s="139"/>
      <c r="E126" s="139"/>
      <c r="F126" s="139"/>
      <c r="G126" s="139"/>
      <c r="H126" s="139"/>
      <c r="I126" s="139"/>
      <c r="J126" s="139"/>
      <c r="K126" s="139"/>
      <c r="L126" s="139"/>
      <c r="M126" s="139"/>
      <c r="N126" s="139"/>
      <c r="O126" s="139"/>
      <c r="P126" s="139"/>
      <c r="Q126" s="139"/>
      <c r="R126" s="139"/>
      <c r="S126" s="139"/>
      <c r="T126" s="139"/>
      <c r="U126" s="139"/>
      <c r="V126" s="139"/>
      <c r="W126" s="139"/>
      <c r="X126" s="139"/>
      <c r="Y126" s="140"/>
      <c r="Z126" s="140"/>
      <c r="AA126" s="140"/>
    </row>
    <row r="127" spans="1:31" s="54" customFormat="1" ht="60" customHeight="1">
      <c r="B127" s="122" t="s">
        <v>25</v>
      </c>
      <c r="C127" s="139" t="s">
        <v>69</v>
      </c>
      <c r="D127" s="139"/>
      <c r="E127" s="139"/>
      <c r="F127" s="139"/>
      <c r="G127" s="139"/>
      <c r="H127" s="139"/>
      <c r="I127" s="139"/>
      <c r="J127" s="139"/>
      <c r="K127" s="139"/>
      <c r="L127" s="139"/>
      <c r="M127" s="139"/>
      <c r="N127" s="139"/>
      <c r="O127" s="139"/>
      <c r="P127" s="139"/>
      <c r="Q127" s="139"/>
      <c r="R127" s="139"/>
      <c r="S127" s="139"/>
      <c r="T127" s="139"/>
      <c r="U127" s="139"/>
      <c r="V127" s="139"/>
      <c r="W127" s="139"/>
      <c r="X127" s="139"/>
      <c r="Y127" s="140"/>
      <c r="Z127" s="140"/>
      <c r="AA127" s="140"/>
    </row>
    <row r="128" spans="1:31" s="54" customFormat="1" ht="9" customHeight="1">
      <c r="B128" s="55"/>
      <c r="C128" s="68"/>
      <c r="D128" s="69"/>
      <c r="E128" s="70"/>
      <c r="F128" s="70"/>
      <c r="G128" s="70"/>
      <c r="H128" s="70"/>
      <c r="I128" s="70"/>
      <c r="J128" s="71"/>
      <c r="K128" s="71"/>
      <c r="L128" s="71"/>
      <c r="M128" s="71"/>
      <c r="N128" s="71"/>
      <c r="O128" s="71"/>
      <c r="P128" s="71"/>
      <c r="Q128" s="71"/>
      <c r="R128" s="71"/>
      <c r="S128" s="72"/>
      <c r="T128" s="72"/>
      <c r="U128" s="72"/>
      <c r="V128" s="72"/>
      <c r="W128" s="72"/>
      <c r="X128" s="73"/>
      <c r="Y128" s="105"/>
      <c r="Z128" s="105"/>
      <c r="AA128" s="105"/>
    </row>
    <row r="129" spans="1:31" s="1" customFormat="1" ht="12.75" customHeight="1">
      <c r="A129" s="115"/>
      <c r="B129" s="23"/>
      <c r="C129" s="114"/>
      <c r="D129" s="38"/>
      <c r="E129" s="38"/>
      <c r="F129" s="38"/>
      <c r="G129" s="38"/>
      <c r="H129" s="38"/>
      <c r="I129" s="38"/>
      <c r="J129" s="27"/>
      <c r="K129" s="27"/>
      <c r="L129" s="27"/>
      <c r="M129" s="27"/>
      <c r="N129" s="27"/>
      <c r="O129" s="27"/>
      <c r="P129" s="27"/>
      <c r="Q129" s="27"/>
      <c r="R129" s="27"/>
      <c r="S129" s="28"/>
      <c r="T129" s="28"/>
      <c r="U129" s="28"/>
      <c r="V129" s="28"/>
      <c r="W129" s="28"/>
      <c r="X129" s="28"/>
      <c r="Y129" s="107"/>
      <c r="Z129" s="107"/>
      <c r="AA129" s="107"/>
    </row>
    <row r="130" spans="1:31" s="1" customFormat="1" ht="12.75" customHeight="1">
      <c r="A130" s="115"/>
      <c r="B130" s="23"/>
      <c r="C130" s="114"/>
      <c r="D130" s="38"/>
      <c r="E130" s="38"/>
      <c r="F130" s="38"/>
      <c r="G130" s="38"/>
      <c r="H130" s="38"/>
      <c r="I130" s="38"/>
      <c r="J130" s="27"/>
      <c r="K130" s="27"/>
      <c r="L130" s="27"/>
      <c r="M130" s="27"/>
      <c r="N130" s="27"/>
      <c r="O130" s="27"/>
      <c r="P130" s="27"/>
      <c r="Q130" s="27"/>
      <c r="R130" s="27"/>
      <c r="S130" s="28"/>
      <c r="T130" s="28"/>
      <c r="U130" s="28"/>
      <c r="V130" s="28"/>
      <c r="W130" s="28"/>
      <c r="X130" s="28"/>
      <c r="Y130" s="107"/>
      <c r="Z130" s="107"/>
      <c r="AA130" s="107"/>
    </row>
    <row r="131" spans="1:31" s="1" customFormat="1" ht="16.5" customHeight="1">
      <c r="A131" s="115"/>
      <c r="B131" s="23"/>
      <c r="C131" s="114"/>
      <c r="D131" s="38"/>
      <c r="E131" s="38"/>
      <c r="F131" s="38"/>
      <c r="G131" s="38"/>
      <c r="H131" s="38"/>
      <c r="I131" s="38"/>
      <c r="J131" s="27"/>
      <c r="K131" s="27"/>
      <c r="L131" s="27"/>
      <c r="M131" s="27"/>
      <c r="N131" s="27"/>
      <c r="O131" s="27"/>
      <c r="P131" s="27"/>
      <c r="Q131" s="27"/>
      <c r="R131" s="27"/>
      <c r="S131" s="28"/>
      <c r="T131" s="28"/>
      <c r="U131" s="28"/>
      <c r="V131" s="28"/>
      <c r="W131" s="28"/>
      <c r="X131" s="28"/>
      <c r="Y131" s="107"/>
      <c r="Z131" s="107"/>
      <c r="AA131" s="107"/>
    </row>
    <row r="132" spans="1:31" s="54" customFormat="1" ht="21" customHeight="1">
      <c r="A132" s="34" t="s">
        <v>136</v>
      </c>
      <c r="B132" s="48"/>
      <c r="C132" s="49"/>
      <c r="D132" s="58"/>
      <c r="E132" s="58"/>
      <c r="F132" s="58"/>
      <c r="G132" s="58"/>
      <c r="H132" s="58"/>
      <c r="I132" s="58"/>
      <c r="J132" s="58"/>
      <c r="K132" s="59"/>
      <c r="L132" s="59"/>
      <c r="M132" s="59"/>
      <c r="N132" s="59"/>
      <c r="O132" s="59"/>
      <c r="P132" s="59"/>
      <c r="Q132" s="59"/>
      <c r="R132" s="59"/>
      <c r="S132" s="59"/>
      <c r="T132" s="60"/>
      <c r="U132" s="60"/>
      <c r="V132" s="60"/>
      <c r="W132" s="60"/>
      <c r="X132" s="60"/>
      <c r="Y132" s="52"/>
      <c r="Z132" s="53"/>
      <c r="AA132" s="53"/>
      <c r="AB132" s="52"/>
      <c r="AC132" s="52"/>
      <c r="AD132" s="52"/>
      <c r="AE132" s="52"/>
    </row>
    <row r="133" spans="1:31" s="54" customFormat="1" ht="42" customHeight="1">
      <c r="B133" s="122" t="s">
        <v>13</v>
      </c>
      <c r="C133" s="154" t="s">
        <v>70</v>
      </c>
      <c r="D133" s="154"/>
      <c r="E133" s="154"/>
      <c r="F133" s="154"/>
      <c r="G133" s="154"/>
      <c r="H133" s="154"/>
      <c r="I133" s="154"/>
      <c r="J133" s="154"/>
      <c r="K133" s="154"/>
      <c r="L133" s="154"/>
      <c r="M133" s="154"/>
      <c r="N133" s="154"/>
      <c r="O133" s="154"/>
      <c r="P133" s="154"/>
      <c r="Q133" s="154"/>
      <c r="R133" s="154"/>
      <c r="S133" s="154"/>
      <c r="T133" s="154"/>
      <c r="U133" s="154"/>
      <c r="V133" s="154"/>
      <c r="W133" s="154"/>
      <c r="X133" s="154"/>
      <c r="Y133" s="140"/>
      <c r="Z133" s="140"/>
      <c r="AA133" s="140"/>
    </row>
    <row r="134" spans="1:31" s="54" customFormat="1" ht="30" customHeight="1">
      <c r="B134" s="122" t="s">
        <v>21</v>
      </c>
      <c r="C134" s="139" t="s">
        <v>71</v>
      </c>
      <c r="D134" s="139"/>
      <c r="E134" s="139"/>
      <c r="F134" s="139"/>
      <c r="G134" s="139"/>
      <c r="H134" s="139"/>
      <c r="I134" s="139"/>
      <c r="J134" s="139"/>
      <c r="K134" s="139"/>
      <c r="L134" s="139"/>
      <c r="M134" s="139"/>
      <c r="N134" s="139"/>
      <c r="O134" s="139"/>
      <c r="P134" s="139"/>
      <c r="Q134" s="139"/>
      <c r="R134" s="139"/>
      <c r="S134" s="139"/>
      <c r="T134" s="139"/>
      <c r="U134" s="139"/>
      <c r="V134" s="139"/>
      <c r="W134" s="139"/>
      <c r="X134" s="139"/>
      <c r="Y134" s="140"/>
      <c r="Z134" s="140"/>
      <c r="AA134" s="140"/>
    </row>
    <row r="135" spans="1:31" s="54" customFormat="1" ht="30" customHeight="1">
      <c r="B135" s="122" t="s">
        <v>23</v>
      </c>
      <c r="C135" s="139" t="s">
        <v>175</v>
      </c>
      <c r="D135" s="139"/>
      <c r="E135" s="139"/>
      <c r="F135" s="139"/>
      <c r="G135" s="139"/>
      <c r="H135" s="139"/>
      <c r="I135" s="139"/>
      <c r="J135" s="139"/>
      <c r="K135" s="139"/>
      <c r="L135" s="139"/>
      <c r="M135" s="139"/>
      <c r="N135" s="139"/>
      <c r="O135" s="139"/>
      <c r="P135" s="139"/>
      <c r="Q135" s="139"/>
      <c r="R135" s="139"/>
      <c r="S135" s="139"/>
      <c r="T135" s="139"/>
      <c r="U135" s="139"/>
      <c r="V135" s="139"/>
      <c r="W135" s="139"/>
      <c r="X135" s="139"/>
      <c r="Y135" s="140"/>
      <c r="Z135" s="140"/>
      <c r="AA135" s="140"/>
    </row>
    <row r="136" spans="1:31" s="66" customFormat="1" ht="9" customHeight="1">
      <c r="A136" s="54"/>
      <c r="B136" s="55"/>
      <c r="C136" s="56"/>
      <c r="D136" s="56"/>
      <c r="E136" s="56"/>
      <c r="F136" s="56"/>
      <c r="G136" s="56"/>
      <c r="H136" s="56"/>
      <c r="I136" s="56"/>
      <c r="J136" s="56"/>
      <c r="K136" s="56"/>
      <c r="L136" s="56"/>
      <c r="M136" s="56"/>
      <c r="N136" s="56"/>
      <c r="O136" s="56"/>
      <c r="P136" s="56"/>
      <c r="Q136" s="56"/>
      <c r="R136" s="56"/>
      <c r="S136" s="56"/>
      <c r="T136" s="56"/>
      <c r="U136" s="56"/>
      <c r="V136" s="56"/>
      <c r="W136" s="56"/>
      <c r="X136" s="56"/>
      <c r="Y136" s="57"/>
      <c r="Z136" s="57"/>
      <c r="AA136" s="57"/>
      <c r="AB136" s="54"/>
      <c r="AC136" s="54"/>
      <c r="AD136" s="54"/>
      <c r="AE136" s="54"/>
    </row>
    <row r="137" spans="1:31" s="1" customFormat="1" ht="12.75" customHeight="1">
      <c r="A137" s="115"/>
      <c r="B137" s="23"/>
      <c r="C137" s="114"/>
      <c r="D137" s="38"/>
      <c r="E137" s="38"/>
      <c r="F137" s="38"/>
      <c r="G137" s="38"/>
      <c r="H137" s="38"/>
      <c r="I137" s="38"/>
      <c r="J137" s="27"/>
      <c r="K137" s="27"/>
      <c r="L137" s="27"/>
      <c r="M137" s="27"/>
      <c r="N137" s="27"/>
      <c r="O137" s="27"/>
      <c r="P137" s="27"/>
      <c r="Q137" s="27"/>
      <c r="R137" s="27"/>
      <c r="S137" s="28"/>
      <c r="T137" s="28"/>
      <c r="U137" s="28"/>
      <c r="V137" s="28"/>
      <c r="W137" s="28"/>
      <c r="X137" s="28"/>
      <c r="Y137" s="107"/>
      <c r="Z137" s="107"/>
      <c r="AA137" s="107"/>
    </row>
    <row r="138" spans="1:31" s="1" customFormat="1" ht="12.75" customHeight="1">
      <c r="A138" s="115"/>
      <c r="B138" s="23"/>
      <c r="C138" s="114"/>
      <c r="D138" s="38"/>
      <c r="E138" s="38"/>
      <c r="F138" s="38"/>
      <c r="G138" s="38"/>
      <c r="H138" s="38"/>
      <c r="I138" s="38"/>
      <c r="J138" s="27"/>
      <c r="K138" s="27"/>
      <c r="L138" s="27"/>
      <c r="M138" s="27"/>
      <c r="N138" s="27"/>
      <c r="O138" s="27"/>
      <c r="P138" s="27"/>
      <c r="Q138" s="27"/>
      <c r="R138" s="27"/>
      <c r="S138" s="28"/>
      <c r="T138" s="28"/>
      <c r="U138" s="28"/>
      <c r="V138" s="28"/>
      <c r="W138" s="28"/>
      <c r="X138" s="28"/>
      <c r="Y138" s="107"/>
      <c r="Z138" s="107"/>
      <c r="AA138" s="107"/>
    </row>
    <row r="139" spans="1:31" s="1" customFormat="1" ht="16.5" customHeight="1">
      <c r="A139" s="115"/>
      <c r="B139" s="23"/>
      <c r="C139" s="114"/>
      <c r="D139" s="38"/>
      <c r="E139" s="38"/>
      <c r="F139" s="38"/>
      <c r="G139" s="38"/>
      <c r="H139" s="38"/>
      <c r="I139" s="38"/>
      <c r="J139" s="27"/>
      <c r="K139" s="27"/>
      <c r="L139" s="27"/>
      <c r="M139" s="27"/>
      <c r="N139" s="27"/>
      <c r="O139" s="27"/>
      <c r="P139" s="27"/>
      <c r="Q139" s="27"/>
      <c r="R139" s="27"/>
      <c r="S139" s="28"/>
      <c r="T139" s="28"/>
      <c r="U139" s="28"/>
      <c r="V139" s="28"/>
      <c r="W139" s="28"/>
      <c r="X139" s="28"/>
      <c r="Y139" s="107"/>
      <c r="Z139" s="107"/>
      <c r="AA139" s="107"/>
    </row>
    <row r="140" spans="1:31" s="66" customFormat="1" ht="21" customHeight="1">
      <c r="A140" s="34" t="s">
        <v>137</v>
      </c>
      <c r="B140" s="87"/>
      <c r="C140" s="43"/>
      <c r="D140" s="43"/>
      <c r="E140" s="43"/>
      <c r="F140" s="43"/>
      <c r="G140" s="43"/>
      <c r="H140" s="43"/>
      <c r="I140" s="43"/>
      <c r="J140" s="44"/>
      <c r="K140" s="44"/>
      <c r="L140" s="44"/>
      <c r="M140" s="44"/>
      <c r="N140" s="44"/>
      <c r="O140" s="44"/>
      <c r="P140" s="44"/>
      <c r="Q140" s="44"/>
      <c r="R140" s="44"/>
      <c r="S140" s="45"/>
      <c r="T140" s="45"/>
      <c r="U140" s="45"/>
      <c r="V140" s="45"/>
      <c r="W140" s="45"/>
      <c r="X140" s="45"/>
      <c r="Y140" s="37"/>
      <c r="Z140" s="37"/>
      <c r="AA140" s="37"/>
      <c r="AB140" s="45"/>
      <c r="AC140" s="45"/>
      <c r="AD140" s="45"/>
      <c r="AE140" s="45"/>
    </row>
    <row r="141" spans="1:31" s="66" customFormat="1" ht="72" customHeight="1">
      <c r="B141" s="96" t="s">
        <v>36</v>
      </c>
      <c r="C141" s="185" t="s">
        <v>72</v>
      </c>
      <c r="D141" s="186"/>
      <c r="E141" s="186"/>
      <c r="F141" s="186"/>
      <c r="G141" s="186"/>
      <c r="H141" s="186"/>
      <c r="I141" s="186"/>
      <c r="J141" s="186"/>
      <c r="K141" s="186"/>
      <c r="L141" s="186"/>
      <c r="M141" s="186"/>
      <c r="N141" s="186"/>
      <c r="O141" s="186"/>
      <c r="P141" s="186"/>
      <c r="Q141" s="186"/>
      <c r="R141" s="186"/>
      <c r="S141" s="186"/>
      <c r="T141" s="186"/>
      <c r="U141" s="186"/>
      <c r="V141" s="186"/>
      <c r="W141" s="186"/>
      <c r="X141" s="187"/>
      <c r="Y141" s="188"/>
      <c r="Z141" s="189"/>
      <c r="AA141" s="190"/>
    </row>
    <row r="142" spans="1:31" s="66" customFormat="1" ht="72" customHeight="1">
      <c r="B142" s="124" t="s">
        <v>21</v>
      </c>
      <c r="C142" s="131" t="s">
        <v>73</v>
      </c>
      <c r="D142" s="184"/>
      <c r="E142" s="184"/>
      <c r="F142" s="184"/>
      <c r="G142" s="184"/>
      <c r="H142" s="184"/>
      <c r="I142" s="184"/>
      <c r="J142" s="184"/>
      <c r="K142" s="184"/>
      <c r="L142" s="184"/>
      <c r="M142" s="184"/>
      <c r="N142" s="184"/>
      <c r="O142" s="184"/>
      <c r="P142" s="184"/>
      <c r="Q142" s="184"/>
      <c r="R142" s="184"/>
      <c r="S142" s="184"/>
      <c r="T142" s="184"/>
      <c r="U142" s="184"/>
      <c r="V142" s="184"/>
      <c r="W142" s="184"/>
      <c r="X142" s="184"/>
      <c r="Y142" s="132"/>
      <c r="Z142" s="132"/>
      <c r="AA142" s="132"/>
    </row>
    <row r="143" spans="1:31" s="54" customFormat="1" ht="9" customHeight="1">
      <c r="A143" s="66"/>
      <c r="B143" s="98"/>
      <c r="C143" s="66"/>
      <c r="D143" s="66"/>
      <c r="E143" s="66"/>
      <c r="F143" s="66"/>
      <c r="G143" s="66"/>
      <c r="H143" s="66"/>
      <c r="I143" s="66"/>
      <c r="J143" s="66"/>
      <c r="K143" s="66"/>
      <c r="L143" s="66"/>
      <c r="M143" s="66"/>
      <c r="N143" s="66"/>
      <c r="O143" s="66"/>
      <c r="P143" s="66"/>
      <c r="Q143" s="66"/>
      <c r="R143" s="66"/>
      <c r="S143" s="66"/>
      <c r="T143" s="66"/>
      <c r="U143" s="66"/>
      <c r="V143" s="66"/>
      <c r="W143" s="66"/>
      <c r="X143" s="66"/>
      <c r="Y143" s="37"/>
      <c r="Z143" s="37"/>
      <c r="AA143" s="37"/>
      <c r="AB143" s="66"/>
      <c r="AC143" s="66"/>
      <c r="AD143" s="66"/>
      <c r="AE143" s="66"/>
    </row>
    <row r="144" spans="1:31" s="54" customFormat="1" ht="21" customHeight="1">
      <c r="A144" s="47" t="s">
        <v>138</v>
      </c>
      <c r="B144" s="48"/>
      <c r="C144" s="49"/>
      <c r="D144" s="58"/>
      <c r="E144" s="58"/>
      <c r="F144" s="58"/>
      <c r="G144" s="58"/>
      <c r="H144" s="58"/>
      <c r="I144" s="58"/>
      <c r="J144" s="58"/>
      <c r="K144" s="59"/>
      <c r="L144" s="59"/>
      <c r="M144" s="59"/>
      <c r="N144" s="59"/>
      <c r="O144" s="59"/>
      <c r="P144" s="59"/>
      <c r="Q144" s="59"/>
      <c r="R144" s="59"/>
      <c r="S144" s="59"/>
      <c r="T144" s="60"/>
      <c r="U144" s="60"/>
      <c r="V144" s="60"/>
      <c r="W144" s="60"/>
      <c r="X144" s="60"/>
      <c r="Y144" s="52"/>
      <c r="Z144" s="53"/>
      <c r="AA144" s="53"/>
      <c r="AB144" s="52"/>
      <c r="AC144" s="52"/>
      <c r="AD144" s="52"/>
      <c r="AE144" s="52"/>
    </row>
    <row r="145" spans="1:35" s="54" customFormat="1" ht="96" customHeight="1">
      <c r="B145" s="122" t="s">
        <v>13</v>
      </c>
      <c r="C145" s="154" t="s">
        <v>74</v>
      </c>
      <c r="D145" s="154"/>
      <c r="E145" s="154"/>
      <c r="F145" s="154"/>
      <c r="G145" s="154"/>
      <c r="H145" s="154"/>
      <c r="I145" s="154"/>
      <c r="J145" s="154"/>
      <c r="K145" s="154"/>
      <c r="L145" s="154"/>
      <c r="M145" s="154"/>
      <c r="N145" s="154"/>
      <c r="O145" s="154"/>
      <c r="P145" s="154"/>
      <c r="Q145" s="154"/>
      <c r="R145" s="154"/>
      <c r="S145" s="154"/>
      <c r="T145" s="154"/>
      <c r="U145" s="154"/>
      <c r="V145" s="154"/>
      <c r="W145" s="154"/>
      <c r="X145" s="154"/>
      <c r="Y145" s="140"/>
      <c r="Z145" s="140"/>
      <c r="AA145" s="140"/>
    </row>
    <row r="146" spans="1:35" s="54" customFormat="1" ht="9" customHeight="1">
      <c r="B146" s="123"/>
      <c r="C146" s="111"/>
      <c r="D146" s="111"/>
      <c r="E146" s="111"/>
      <c r="F146" s="111"/>
      <c r="G146" s="111"/>
      <c r="H146" s="111"/>
      <c r="I146" s="111"/>
      <c r="J146" s="111"/>
      <c r="K146" s="111"/>
      <c r="L146" s="111"/>
      <c r="M146" s="111"/>
      <c r="N146" s="111"/>
      <c r="O146" s="111"/>
      <c r="P146" s="111"/>
      <c r="Q146" s="111"/>
      <c r="R146" s="111"/>
      <c r="S146" s="111"/>
      <c r="T146" s="111"/>
      <c r="U146" s="111"/>
      <c r="V146" s="111"/>
      <c r="W146" s="111"/>
      <c r="X146" s="111"/>
      <c r="Y146" s="105"/>
      <c r="Z146" s="105"/>
      <c r="AA146" s="105"/>
    </row>
    <row r="147" spans="1:35" s="54" customFormat="1" ht="21" customHeight="1">
      <c r="A147" s="47" t="s">
        <v>139</v>
      </c>
      <c r="B147" s="93"/>
      <c r="C147" s="50"/>
      <c r="D147" s="50"/>
      <c r="E147" s="50"/>
      <c r="F147" s="50"/>
      <c r="G147" s="50"/>
      <c r="H147" s="50"/>
      <c r="I147" s="50"/>
      <c r="J147" s="51"/>
      <c r="K147" s="51"/>
      <c r="L147" s="51"/>
      <c r="M147" s="51"/>
      <c r="N147" s="51"/>
      <c r="O147" s="51"/>
      <c r="P147" s="51"/>
      <c r="Q147" s="51"/>
      <c r="R147" s="51"/>
      <c r="S147" s="52"/>
      <c r="T147" s="52"/>
      <c r="U147" s="52"/>
      <c r="V147" s="52"/>
      <c r="W147" s="52"/>
      <c r="X147" s="52"/>
      <c r="Y147" s="53"/>
      <c r="Z147" s="53"/>
      <c r="AA147" s="53"/>
      <c r="AB147" s="52"/>
      <c r="AC147" s="52"/>
      <c r="AD147" s="52"/>
      <c r="AE147" s="52"/>
    </row>
    <row r="148" spans="1:35" s="54" customFormat="1" ht="42" customHeight="1">
      <c r="B148" s="125" t="s">
        <v>36</v>
      </c>
      <c r="C148" s="141" t="s">
        <v>75</v>
      </c>
      <c r="D148" s="152"/>
      <c r="E148" s="152"/>
      <c r="F148" s="152"/>
      <c r="G148" s="152"/>
      <c r="H148" s="152"/>
      <c r="I148" s="152"/>
      <c r="J148" s="152"/>
      <c r="K148" s="152"/>
      <c r="L148" s="152"/>
      <c r="M148" s="152"/>
      <c r="N148" s="152"/>
      <c r="O148" s="152"/>
      <c r="P148" s="152"/>
      <c r="Q148" s="152"/>
      <c r="R148" s="152"/>
      <c r="S148" s="152"/>
      <c r="T148" s="152"/>
      <c r="U148" s="152"/>
      <c r="V148" s="152"/>
      <c r="W148" s="152"/>
      <c r="X148" s="152"/>
      <c r="Y148" s="140"/>
      <c r="Z148" s="140"/>
      <c r="AA148" s="140"/>
    </row>
    <row r="149" spans="1:35" s="54" customFormat="1" ht="24" customHeight="1">
      <c r="A149" s="63"/>
      <c r="B149" s="122" t="s">
        <v>14</v>
      </c>
      <c r="C149" s="141" t="s">
        <v>76</v>
      </c>
      <c r="D149" s="141"/>
      <c r="E149" s="141"/>
      <c r="F149" s="141"/>
      <c r="G149" s="141"/>
      <c r="H149" s="141"/>
      <c r="I149" s="141"/>
      <c r="J149" s="141"/>
      <c r="K149" s="141"/>
      <c r="L149" s="141"/>
      <c r="M149" s="141"/>
      <c r="N149" s="141"/>
      <c r="O149" s="141"/>
      <c r="P149" s="141"/>
      <c r="Q149" s="141"/>
      <c r="R149" s="141"/>
      <c r="S149" s="141"/>
      <c r="T149" s="141"/>
      <c r="U149" s="141"/>
      <c r="V149" s="141"/>
      <c r="W149" s="141"/>
      <c r="X149" s="141"/>
      <c r="Y149" s="153"/>
      <c r="Z149" s="153"/>
      <c r="AA149" s="153"/>
      <c r="AB149" s="63"/>
      <c r="AC149" s="63"/>
      <c r="AD149" s="63"/>
      <c r="AE149" s="63"/>
    </row>
    <row r="150" spans="1:35" s="54" customFormat="1" ht="24" customHeight="1">
      <c r="B150" s="104" t="s">
        <v>23</v>
      </c>
      <c r="C150" s="175" t="s">
        <v>152</v>
      </c>
      <c r="D150" s="176"/>
      <c r="E150" s="176"/>
      <c r="F150" s="176"/>
      <c r="G150" s="176"/>
      <c r="H150" s="176"/>
      <c r="I150" s="176"/>
      <c r="J150" s="176"/>
      <c r="K150" s="176"/>
      <c r="L150" s="176"/>
      <c r="M150" s="176"/>
      <c r="N150" s="176"/>
      <c r="O150" s="176"/>
      <c r="P150" s="176"/>
      <c r="Q150" s="176"/>
      <c r="R150" s="176"/>
      <c r="S150" s="176"/>
      <c r="T150" s="176"/>
      <c r="U150" s="176"/>
      <c r="V150" s="176"/>
      <c r="W150" s="176"/>
      <c r="X150" s="177"/>
      <c r="Y150" s="178"/>
      <c r="Z150" s="179"/>
      <c r="AA150" s="180"/>
    </row>
    <row r="151" spans="1:35" s="54" customFormat="1" ht="9" customHeight="1">
      <c r="B151" s="95"/>
      <c r="C151" s="64"/>
      <c r="D151" s="64"/>
      <c r="E151" s="64"/>
      <c r="F151" s="64"/>
      <c r="G151" s="64"/>
      <c r="H151" s="64"/>
      <c r="I151" s="64"/>
      <c r="J151" s="64"/>
      <c r="K151" s="64"/>
      <c r="L151" s="64"/>
      <c r="M151" s="64"/>
      <c r="N151" s="64"/>
      <c r="O151" s="64"/>
      <c r="P151" s="64"/>
      <c r="Q151" s="64"/>
      <c r="R151" s="64"/>
      <c r="S151" s="64"/>
      <c r="T151" s="64"/>
      <c r="U151" s="64"/>
      <c r="V151" s="64"/>
      <c r="W151" s="64"/>
      <c r="X151" s="64"/>
      <c r="Y151" s="65"/>
      <c r="Z151" s="65"/>
      <c r="AA151" s="65"/>
    </row>
    <row r="152" spans="1:35" s="54" customFormat="1" ht="21.45" customHeight="1">
      <c r="A152" s="47" t="s">
        <v>140</v>
      </c>
      <c r="B152" s="93"/>
      <c r="C152" s="50"/>
      <c r="D152" s="50"/>
      <c r="E152" s="50"/>
      <c r="F152" s="50"/>
      <c r="G152" s="50"/>
      <c r="H152" s="50"/>
      <c r="I152" s="50"/>
      <c r="J152" s="51"/>
      <c r="K152" s="51"/>
      <c r="L152" s="51"/>
      <c r="M152" s="51"/>
      <c r="N152" s="51"/>
      <c r="O152" s="51"/>
      <c r="P152" s="51"/>
      <c r="Q152" s="51"/>
      <c r="R152" s="51"/>
      <c r="S152" s="52"/>
      <c r="T152" s="52"/>
      <c r="U152" s="52"/>
      <c r="V152" s="52"/>
      <c r="W152" s="52"/>
      <c r="X152" s="52"/>
      <c r="Y152" s="53"/>
      <c r="Z152" s="53"/>
      <c r="AA152" s="53"/>
      <c r="AB152" s="52"/>
      <c r="AC152" s="52"/>
      <c r="AD152" s="52"/>
      <c r="AE152" s="52"/>
    </row>
    <row r="153" spans="1:35" s="54" customFormat="1" ht="30" customHeight="1">
      <c r="B153" s="125" t="s">
        <v>36</v>
      </c>
      <c r="C153" s="169" t="s">
        <v>176</v>
      </c>
      <c r="D153" s="170"/>
      <c r="E153" s="170"/>
      <c r="F153" s="170"/>
      <c r="G153" s="170"/>
      <c r="H153" s="170"/>
      <c r="I153" s="170"/>
      <c r="J153" s="170"/>
      <c r="K153" s="170"/>
      <c r="L153" s="170"/>
      <c r="M153" s="170"/>
      <c r="N153" s="170"/>
      <c r="O153" s="170"/>
      <c r="P153" s="170"/>
      <c r="Q153" s="170"/>
      <c r="R153" s="170"/>
      <c r="S153" s="170"/>
      <c r="T153" s="170"/>
      <c r="U153" s="170"/>
      <c r="V153" s="170"/>
      <c r="W153" s="170"/>
      <c r="X153" s="171"/>
      <c r="Y153" s="172"/>
      <c r="Z153" s="173"/>
      <c r="AA153" s="174"/>
      <c r="AF153" s="63"/>
      <c r="AG153" s="63"/>
      <c r="AH153" s="63"/>
      <c r="AI153" s="63"/>
    </row>
    <row r="154" spans="1:35" s="74" customFormat="1" ht="9" customHeight="1">
      <c r="A154" s="54"/>
      <c r="B154" s="95"/>
      <c r="C154" s="64"/>
      <c r="D154" s="64"/>
      <c r="E154" s="64"/>
      <c r="F154" s="64"/>
      <c r="G154" s="64"/>
      <c r="H154" s="64"/>
      <c r="I154" s="64"/>
      <c r="J154" s="64"/>
      <c r="K154" s="64"/>
      <c r="L154" s="64"/>
      <c r="M154" s="64"/>
      <c r="N154" s="64"/>
      <c r="O154" s="64"/>
      <c r="P154" s="64"/>
      <c r="Q154" s="64"/>
      <c r="R154" s="64"/>
      <c r="S154" s="64"/>
      <c r="T154" s="64"/>
      <c r="U154" s="64"/>
      <c r="V154" s="64"/>
      <c r="W154" s="64"/>
      <c r="X154" s="64"/>
      <c r="Y154" s="65"/>
      <c r="Z154" s="65"/>
      <c r="AA154" s="65"/>
      <c r="AB154" s="54"/>
      <c r="AC154" s="54"/>
      <c r="AD154" s="54"/>
      <c r="AE154" s="54"/>
      <c r="AF154" s="66"/>
      <c r="AG154" s="66"/>
      <c r="AH154" s="66"/>
      <c r="AI154" s="66"/>
    </row>
    <row r="155" spans="1:35" s="74" customFormat="1" ht="21" customHeight="1">
      <c r="A155" s="34" t="s">
        <v>141</v>
      </c>
      <c r="B155" s="87"/>
      <c r="C155" s="43"/>
      <c r="D155" s="43"/>
      <c r="E155" s="43"/>
      <c r="F155" s="43"/>
      <c r="G155" s="43"/>
      <c r="H155" s="43"/>
      <c r="I155" s="43"/>
      <c r="J155" s="44"/>
      <c r="K155" s="44"/>
      <c r="L155" s="44"/>
      <c r="M155" s="44"/>
      <c r="N155" s="44"/>
      <c r="O155" s="44"/>
      <c r="P155" s="44"/>
      <c r="Q155" s="44"/>
      <c r="R155" s="44"/>
      <c r="S155" s="45"/>
      <c r="T155" s="45"/>
      <c r="U155" s="45"/>
      <c r="V155" s="45"/>
      <c r="W155" s="45"/>
      <c r="X155" s="45"/>
      <c r="Y155" s="37"/>
      <c r="Z155" s="37"/>
      <c r="AA155" s="37"/>
      <c r="AB155" s="45"/>
      <c r="AC155" s="45"/>
      <c r="AD155" s="45"/>
      <c r="AE155" s="45"/>
      <c r="AF155" s="66"/>
      <c r="AG155" s="66"/>
      <c r="AH155" s="66"/>
      <c r="AI155" s="66"/>
    </row>
    <row r="156" spans="1:35" s="74" customFormat="1" ht="30" customHeight="1">
      <c r="A156" s="66"/>
      <c r="B156" s="100" t="s">
        <v>12</v>
      </c>
      <c r="C156" s="131" t="s">
        <v>77</v>
      </c>
      <c r="D156" s="131"/>
      <c r="E156" s="131"/>
      <c r="F156" s="131"/>
      <c r="G156" s="131"/>
      <c r="H156" s="131"/>
      <c r="I156" s="131"/>
      <c r="J156" s="131"/>
      <c r="K156" s="131"/>
      <c r="L156" s="131"/>
      <c r="M156" s="131"/>
      <c r="N156" s="131"/>
      <c r="O156" s="131"/>
      <c r="P156" s="131"/>
      <c r="Q156" s="131"/>
      <c r="R156" s="131"/>
      <c r="S156" s="131"/>
      <c r="T156" s="131"/>
      <c r="U156" s="131"/>
      <c r="V156" s="131"/>
      <c r="W156" s="131"/>
      <c r="X156" s="131"/>
      <c r="Y156" s="132"/>
      <c r="Z156" s="132"/>
      <c r="AA156" s="132"/>
      <c r="AB156" s="66"/>
      <c r="AC156" s="66"/>
      <c r="AD156" s="66"/>
      <c r="AE156" s="66"/>
    </row>
    <row r="157" spans="1:35" s="74" customFormat="1" ht="24" customHeight="1">
      <c r="B157" s="108" t="s">
        <v>21</v>
      </c>
      <c r="C157" s="166" t="s">
        <v>78</v>
      </c>
      <c r="D157" s="167"/>
      <c r="E157" s="167"/>
      <c r="F157" s="167"/>
      <c r="G157" s="167"/>
      <c r="H157" s="167"/>
      <c r="I157" s="167"/>
      <c r="J157" s="167"/>
      <c r="K157" s="167"/>
      <c r="L157" s="167"/>
      <c r="M157" s="167"/>
      <c r="N157" s="167"/>
      <c r="O157" s="167"/>
      <c r="P157" s="167"/>
      <c r="Q157" s="167"/>
      <c r="R157" s="167"/>
      <c r="S157" s="167"/>
      <c r="T157" s="167"/>
      <c r="U157" s="167"/>
      <c r="V157" s="167"/>
      <c r="W157" s="167"/>
      <c r="X157" s="168"/>
      <c r="Y157" s="146"/>
      <c r="Z157" s="147"/>
      <c r="AA157" s="148"/>
    </row>
    <row r="158" spans="1:35" s="74" customFormat="1" ht="30" customHeight="1">
      <c r="B158" s="99" t="s">
        <v>15</v>
      </c>
      <c r="C158" s="133" t="s">
        <v>79</v>
      </c>
      <c r="D158" s="134"/>
      <c r="E158" s="134"/>
      <c r="F158" s="134"/>
      <c r="G158" s="134"/>
      <c r="H158" s="134"/>
      <c r="I158" s="134"/>
      <c r="J158" s="134"/>
      <c r="K158" s="134"/>
      <c r="L158" s="134"/>
      <c r="M158" s="134"/>
      <c r="N158" s="134"/>
      <c r="O158" s="134"/>
      <c r="P158" s="134"/>
      <c r="Q158" s="134"/>
      <c r="R158" s="134"/>
      <c r="S158" s="134"/>
      <c r="T158" s="134"/>
      <c r="U158" s="134"/>
      <c r="V158" s="134"/>
      <c r="W158" s="134"/>
      <c r="X158" s="135"/>
      <c r="Y158" s="181"/>
      <c r="Z158" s="182"/>
      <c r="AA158" s="183"/>
    </row>
    <row r="159" spans="1:35" s="74" customFormat="1" ht="30" customHeight="1">
      <c r="B159" s="100" t="s">
        <v>16</v>
      </c>
      <c r="C159" s="131" t="s">
        <v>80</v>
      </c>
      <c r="D159" s="131"/>
      <c r="E159" s="131"/>
      <c r="F159" s="131"/>
      <c r="G159" s="131"/>
      <c r="H159" s="131"/>
      <c r="I159" s="131"/>
      <c r="J159" s="131"/>
      <c r="K159" s="131"/>
      <c r="L159" s="131"/>
      <c r="M159" s="131"/>
      <c r="N159" s="131"/>
      <c r="O159" s="131"/>
      <c r="P159" s="131"/>
      <c r="Q159" s="131"/>
      <c r="R159" s="131"/>
      <c r="S159" s="131"/>
      <c r="T159" s="131"/>
      <c r="U159" s="131"/>
      <c r="V159" s="131"/>
      <c r="W159" s="131"/>
      <c r="X159" s="131"/>
      <c r="Y159" s="165"/>
      <c r="Z159" s="165"/>
      <c r="AA159" s="165"/>
    </row>
    <row r="160" spans="1:35" s="74" customFormat="1" ht="9" customHeight="1">
      <c r="B160" s="127"/>
      <c r="C160" s="110"/>
      <c r="D160" s="110"/>
      <c r="E160" s="110"/>
      <c r="F160" s="110"/>
      <c r="G160" s="110"/>
      <c r="H160" s="110"/>
      <c r="I160" s="110"/>
      <c r="J160" s="110"/>
      <c r="K160" s="110"/>
      <c r="L160" s="110"/>
      <c r="M160" s="110"/>
      <c r="N160" s="110"/>
      <c r="O160" s="110"/>
      <c r="P160" s="110"/>
      <c r="Q160" s="110"/>
      <c r="R160" s="110"/>
      <c r="S160" s="110"/>
      <c r="T160" s="110"/>
      <c r="U160" s="110"/>
      <c r="V160" s="110"/>
      <c r="W160" s="110"/>
      <c r="X160" s="110"/>
      <c r="Y160" s="128"/>
      <c r="Z160" s="128"/>
      <c r="AA160" s="128"/>
    </row>
    <row r="161" spans="1:35" s="1" customFormat="1" ht="12.75" customHeight="1">
      <c r="A161" s="116"/>
      <c r="B161" s="23"/>
      <c r="C161" s="114"/>
      <c r="D161" s="38"/>
      <c r="E161" s="38"/>
      <c r="F161" s="38"/>
      <c r="G161" s="38"/>
      <c r="H161" s="38"/>
      <c r="I161" s="38"/>
      <c r="J161" s="27"/>
      <c r="K161" s="27"/>
      <c r="L161" s="27"/>
      <c r="M161" s="27"/>
      <c r="N161" s="27"/>
      <c r="O161" s="27"/>
      <c r="P161" s="27"/>
      <c r="Q161" s="27"/>
      <c r="R161" s="27"/>
      <c r="S161" s="28"/>
      <c r="T161" s="28"/>
      <c r="U161" s="28"/>
      <c r="V161" s="28"/>
      <c r="W161" s="28"/>
      <c r="X161" s="28"/>
      <c r="Y161" s="107"/>
      <c r="Z161" s="107"/>
      <c r="AA161" s="107"/>
    </row>
    <row r="162" spans="1:35" s="1" customFormat="1" ht="12.75" customHeight="1">
      <c r="A162" s="116"/>
      <c r="B162" s="23"/>
      <c r="C162" s="114"/>
      <c r="D162" s="38"/>
      <c r="E162" s="38"/>
      <c r="F162" s="38"/>
      <c r="G162" s="38"/>
      <c r="H162" s="38"/>
      <c r="I162" s="38"/>
      <c r="J162" s="27"/>
      <c r="K162" s="27"/>
      <c r="L162" s="27"/>
      <c r="M162" s="27"/>
      <c r="N162" s="27"/>
      <c r="O162" s="27"/>
      <c r="P162" s="27"/>
      <c r="Q162" s="27"/>
      <c r="R162" s="27"/>
      <c r="S162" s="28"/>
      <c r="T162" s="28"/>
      <c r="U162" s="28"/>
      <c r="V162" s="28"/>
      <c r="W162" s="28"/>
      <c r="X162" s="28"/>
      <c r="Y162" s="107"/>
      <c r="Z162" s="107"/>
      <c r="AA162" s="107"/>
    </row>
    <row r="163" spans="1:35" s="1" customFormat="1" ht="16.5" customHeight="1">
      <c r="A163" s="116"/>
      <c r="B163" s="23"/>
      <c r="C163" s="114"/>
      <c r="D163" s="38"/>
      <c r="E163" s="38"/>
      <c r="F163" s="38"/>
      <c r="G163" s="38"/>
      <c r="H163" s="38"/>
      <c r="I163" s="38"/>
      <c r="J163" s="27"/>
      <c r="K163" s="27"/>
      <c r="L163" s="27"/>
      <c r="M163" s="27"/>
      <c r="N163" s="27"/>
      <c r="O163" s="27"/>
      <c r="P163" s="27"/>
      <c r="Q163" s="27"/>
      <c r="R163" s="27"/>
      <c r="S163" s="28"/>
      <c r="T163" s="28"/>
      <c r="U163" s="28"/>
      <c r="V163" s="28"/>
      <c r="W163" s="28"/>
      <c r="X163" s="28"/>
      <c r="Y163" s="107"/>
      <c r="Z163" s="107"/>
      <c r="AA163" s="107"/>
    </row>
    <row r="164" spans="1:35" s="74" customFormat="1" ht="21" customHeight="1">
      <c r="A164" s="34" t="s">
        <v>154</v>
      </c>
      <c r="B164" s="87"/>
      <c r="C164" s="43"/>
      <c r="D164" s="43"/>
      <c r="E164" s="43"/>
      <c r="F164" s="43"/>
      <c r="G164" s="43"/>
      <c r="H164" s="43"/>
      <c r="I164" s="43"/>
      <c r="J164" s="44"/>
      <c r="K164" s="44"/>
      <c r="L164" s="44"/>
      <c r="M164" s="44"/>
      <c r="N164" s="44"/>
      <c r="O164" s="44"/>
      <c r="P164" s="44"/>
      <c r="Q164" s="44"/>
      <c r="R164" s="44"/>
      <c r="S164" s="45"/>
      <c r="T164" s="45"/>
      <c r="U164" s="45"/>
      <c r="V164" s="45"/>
      <c r="W164" s="45"/>
      <c r="X164" s="45"/>
      <c r="Y164" s="37"/>
      <c r="Z164" s="37"/>
      <c r="AA164" s="37"/>
      <c r="AB164" s="45"/>
      <c r="AC164" s="45"/>
      <c r="AD164" s="45"/>
      <c r="AE164" s="45"/>
      <c r="AF164" s="66"/>
      <c r="AG164" s="66"/>
      <c r="AH164" s="66"/>
      <c r="AI164" s="66"/>
    </row>
    <row r="165" spans="1:35" s="74" customFormat="1" ht="24" customHeight="1">
      <c r="A165" s="66"/>
      <c r="B165" s="100" t="s">
        <v>12</v>
      </c>
      <c r="C165" s="131" t="s">
        <v>95</v>
      </c>
      <c r="D165" s="131"/>
      <c r="E165" s="131"/>
      <c r="F165" s="131"/>
      <c r="G165" s="131"/>
      <c r="H165" s="131"/>
      <c r="I165" s="131"/>
      <c r="J165" s="131"/>
      <c r="K165" s="131"/>
      <c r="L165" s="131"/>
      <c r="M165" s="131"/>
      <c r="N165" s="131"/>
      <c r="O165" s="131"/>
      <c r="P165" s="131"/>
      <c r="Q165" s="131"/>
      <c r="R165" s="131"/>
      <c r="S165" s="131"/>
      <c r="T165" s="131"/>
      <c r="U165" s="131"/>
      <c r="V165" s="131"/>
      <c r="W165" s="131"/>
      <c r="X165" s="131"/>
      <c r="Y165" s="132"/>
      <c r="Z165" s="132"/>
      <c r="AA165" s="132"/>
      <c r="AB165" s="66"/>
      <c r="AC165" s="66"/>
      <c r="AD165" s="66"/>
      <c r="AE165" s="66"/>
    </row>
    <row r="166" spans="1:35" s="74" customFormat="1" ht="72" customHeight="1">
      <c r="A166" s="66"/>
      <c r="B166" s="100" t="s">
        <v>90</v>
      </c>
      <c r="C166" s="131" t="s">
        <v>96</v>
      </c>
      <c r="D166" s="131"/>
      <c r="E166" s="131"/>
      <c r="F166" s="131"/>
      <c r="G166" s="131"/>
      <c r="H166" s="131"/>
      <c r="I166" s="131"/>
      <c r="J166" s="131"/>
      <c r="K166" s="131"/>
      <c r="L166" s="131"/>
      <c r="M166" s="131"/>
      <c r="N166" s="131"/>
      <c r="O166" s="131"/>
      <c r="P166" s="131"/>
      <c r="Q166" s="131"/>
      <c r="R166" s="131"/>
      <c r="S166" s="131"/>
      <c r="T166" s="131"/>
      <c r="U166" s="131"/>
      <c r="V166" s="131"/>
      <c r="W166" s="131"/>
      <c r="X166" s="131"/>
      <c r="Y166" s="132"/>
      <c r="Z166" s="132"/>
      <c r="AA166" s="132"/>
      <c r="AB166" s="66"/>
      <c r="AC166" s="66"/>
      <c r="AD166" s="66"/>
      <c r="AE166" s="66"/>
    </row>
    <row r="167" spans="1:35" s="1" customFormat="1" ht="9" customHeight="1">
      <c r="A167" s="116"/>
      <c r="B167" s="23"/>
      <c r="C167" s="114"/>
      <c r="D167" s="38"/>
      <c r="E167" s="38"/>
      <c r="F167" s="38"/>
      <c r="G167" s="38"/>
      <c r="H167" s="38"/>
      <c r="I167" s="38"/>
      <c r="J167" s="27"/>
      <c r="K167" s="27"/>
      <c r="L167" s="27"/>
      <c r="M167" s="27"/>
      <c r="N167" s="27"/>
      <c r="O167" s="27"/>
      <c r="P167" s="27"/>
      <c r="Q167" s="27"/>
      <c r="R167" s="27"/>
      <c r="S167" s="28"/>
      <c r="T167" s="28"/>
      <c r="U167" s="28"/>
      <c r="V167" s="28"/>
      <c r="W167" s="28"/>
      <c r="X167" s="28"/>
      <c r="Y167" s="107"/>
      <c r="Z167" s="107"/>
      <c r="AA167" s="107"/>
    </row>
    <row r="168" spans="1:35" s="74" customFormat="1" ht="21" customHeight="1">
      <c r="A168" s="34" t="s">
        <v>155</v>
      </c>
      <c r="B168" s="87"/>
      <c r="C168" s="43"/>
      <c r="D168" s="43"/>
      <c r="E168" s="43"/>
      <c r="F168" s="43"/>
      <c r="G168" s="43"/>
      <c r="H168" s="43"/>
      <c r="I168" s="43"/>
      <c r="J168" s="44"/>
      <c r="K168" s="44"/>
      <c r="L168" s="44"/>
      <c r="M168" s="44"/>
      <c r="N168" s="44"/>
      <c r="O168" s="44"/>
      <c r="P168" s="44"/>
      <c r="Q168" s="44"/>
      <c r="R168" s="44"/>
      <c r="S168" s="45"/>
      <c r="T168" s="45"/>
      <c r="U168" s="45"/>
      <c r="V168" s="45"/>
      <c r="W168" s="45"/>
      <c r="X168" s="45"/>
      <c r="Y168" s="37"/>
      <c r="Z168" s="37"/>
      <c r="AA168" s="37"/>
      <c r="AB168" s="45"/>
      <c r="AC168" s="45"/>
      <c r="AD168" s="45"/>
      <c r="AE168" s="45"/>
      <c r="AF168" s="66"/>
      <c r="AG168" s="66"/>
      <c r="AH168" s="66"/>
      <c r="AI168" s="66"/>
    </row>
    <row r="169" spans="1:35" s="74" customFormat="1" ht="24" customHeight="1">
      <c r="A169" s="66"/>
      <c r="B169" s="100" t="s">
        <v>12</v>
      </c>
      <c r="C169" s="131" t="s">
        <v>97</v>
      </c>
      <c r="D169" s="131"/>
      <c r="E169" s="131"/>
      <c r="F169" s="131"/>
      <c r="G169" s="131"/>
      <c r="H169" s="131"/>
      <c r="I169" s="131"/>
      <c r="J169" s="131"/>
      <c r="K169" s="131"/>
      <c r="L169" s="131"/>
      <c r="M169" s="131"/>
      <c r="N169" s="131"/>
      <c r="O169" s="131"/>
      <c r="P169" s="131"/>
      <c r="Q169" s="131"/>
      <c r="R169" s="131"/>
      <c r="S169" s="131"/>
      <c r="T169" s="131"/>
      <c r="U169" s="131"/>
      <c r="V169" s="131"/>
      <c r="W169" s="131"/>
      <c r="X169" s="131"/>
      <c r="Y169" s="132"/>
      <c r="Z169" s="132"/>
      <c r="AA169" s="132"/>
      <c r="AB169" s="66"/>
      <c r="AC169" s="66"/>
      <c r="AD169" s="66"/>
      <c r="AE169" s="66"/>
    </row>
    <row r="170" spans="1:35" s="74" customFormat="1" ht="24" customHeight="1">
      <c r="A170" s="66"/>
      <c r="B170" s="100" t="s">
        <v>90</v>
      </c>
      <c r="C170" s="131" t="s">
        <v>98</v>
      </c>
      <c r="D170" s="131"/>
      <c r="E170" s="131"/>
      <c r="F170" s="131"/>
      <c r="G170" s="131"/>
      <c r="H170" s="131"/>
      <c r="I170" s="131"/>
      <c r="J170" s="131"/>
      <c r="K170" s="131"/>
      <c r="L170" s="131"/>
      <c r="M170" s="131"/>
      <c r="N170" s="131"/>
      <c r="O170" s="131"/>
      <c r="P170" s="131"/>
      <c r="Q170" s="131"/>
      <c r="R170" s="131"/>
      <c r="S170" s="131"/>
      <c r="T170" s="131"/>
      <c r="U170" s="131"/>
      <c r="V170" s="131"/>
      <c r="W170" s="131"/>
      <c r="X170" s="131"/>
      <c r="Y170" s="132"/>
      <c r="Z170" s="132"/>
      <c r="AA170" s="132"/>
      <c r="AB170" s="66"/>
      <c r="AC170" s="66"/>
      <c r="AD170" s="66"/>
      <c r="AE170" s="66"/>
    </row>
    <row r="171" spans="1:35" s="54" customFormat="1" ht="9" customHeight="1">
      <c r="A171" s="75"/>
      <c r="B171" s="101"/>
      <c r="C171" s="76"/>
      <c r="D171" s="76"/>
      <c r="E171" s="76"/>
      <c r="F171" s="76"/>
      <c r="G171" s="76"/>
      <c r="H171" s="76"/>
      <c r="I171" s="76"/>
      <c r="J171" s="76"/>
      <c r="K171" s="76"/>
      <c r="L171" s="76"/>
      <c r="M171" s="76"/>
      <c r="N171" s="76"/>
      <c r="O171" s="76"/>
      <c r="P171" s="76"/>
      <c r="Q171" s="76"/>
      <c r="R171" s="76"/>
      <c r="S171" s="76"/>
      <c r="T171" s="76"/>
      <c r="U171" s="76"/>
      <c r="V171" s="76"/>
      <c r="W171" s="76"/>
      <c r="X171" s="76"/>
      <c r="Y171" s="77"/>
      <c r="Z171" s="77"/>
      <c r="AA171" s="77"/>
      <c r="AB171" s="75"/>
      <c r="AC171" s="75"/>
      <c r="AD171" s="75"/>
      <c r="AE171" s="75"/>
      <c r="AF171" s="66"/>
      <c r="AG171" s="66"/>
      <c r="AH171" s="66"/>
      <c r="AI171" s="66"/>
    </row>
    <row r="172" spans="1:35" s="74" customFormat="1" ht="21" customHeight="1">
      <c r="A172" s="34" t="s">
        <v>156</v>
      </c>
      <c r="B172" s="87"/>
      <c r="C172" s="43"/>
      <c r="D172" s="43"/>
      <c r="E172" s="43"/>
      <c r="F172" s="43"/>
      <c r="G172" s="43"/>
      <c r="H172" s="43"/>
      <c r="I172" s="43"/>
      <c r="J172" s="44"/>
      <c r="K172" s="44"/>
      <c r="L172" s="44"/>
      <c r="M172" s="44"/>
      <c r="N172" s="44"/>
      <c r="O172" s="44"/>
      <c r="P172" s="44"/>
      <c r="Q172" s="44"/>
      <c r="R172" s="44"/>
      <c r="S172" s="45"/>
      <c r="T172" s="45"/>
      <c r="U172" s="45"/>
      <c r="V172" s="45"/>
      <c r="W172" s="45"/>
      <c r="X172" s="45"/>
      <c r="Y172" s="37"/>
      <c r="Z172" s="37"/>
      <c r="AA172" s="37"/>
      <c r="AB172" s="45"/>
      <c r="AC172" s="45"/>
      <c r="AD172" s="45"/>
      <c r="AE172" s="45"/>
      <c r="AF172" s="66"/>
      <c r="AG172" s="66"/>
      <c r="AH172" s="66"/>
      <c r="AI172" s="66"/>
    </row>
    <row r="173" spans="1:35" s="74" customFormat="1" ht="42" customHeight="1">
      <c r="A173" s="66"/>
      <c r="B173" s="100" t="s">
        <v>12</v>
      </c>
      <c r="C173" s="131" t="s">
        <v>99</v>
      </c>
      <c r="D173" s="131"/>
      <c r="E173" s="131"/>
      <c r="F173" s="131"/>
      <c r="G173" s="131"/>
      <c r="H173" s="131"/>
      <c r="I173" s="131"/>
      <c r="J173" s="131"/>
      <c r="K173" s="131"/>
      <c r="L173" s="131"/>
      <c r="M173" s="131"/>
      <c r="N173" s="131"/>
      <c r="O173" s="131"/>
      <c r="P173" s="131"/>
      <c r="Q173" s="131"/>
      <c r="R173" s="131"/>
      <c r="S173" s="131"/>
      <c r="T173" s="131"/>
      <c r="U173" s="131"/>
      <c r="V173" s="131"/>
      <c r="W173" s="131"/>
      <c r="X173" s="131"/>
      <c r="Y173" s="132"/>
      <c r="Z173" s="132"/>
      <c r="AA173" s="132"/>
      <c r="AB173" s="66"/>
      <c r="AC173" s="66"/>
      <c r="AD173" s="66"/>
      <c r="AE173" s="66"/>
    </row>
    <row r="174" spans="1:35" s="74" customFormat="1" ht="30" customHeight="1">
      <c r="A174" s="66"/>
      <c r="B174" s="100" t="s">
        <v>90</v>
      </c>
      <c r="C174" s="131" t="s">
        <v>100</v>
      </c>
      <c r="D174" s="131"/>
      <c r="E174" s="131"/>
      <c r="F174" s="131"/>
      <c r="G174" s="131"/>
      <c r="H174" s="131"/>
      <c r="I174" s="131"/>
      <c r="J174" s="131"/>
      <c r="K174" s="131"/>
      <c r="L174" s="131"/>
      <c r="M174" s="131"/>
      <c r="N174" s="131"/>
      <c r="O174" s="131"/>
      <c r="P174" s="131"/>
      <c r="Q174" s="131"/>
      <c r="R174" s="131"/>
      <c r="S174" s="131"/>
      <c r="T174" s="131"/>
      <c r="U174" s="131"/>
      <c r="V174" s="131"/>
      <c r="W174" s="131"/>
      <c r="X174" s="131"/>
      <c r="Y174" s="132"/>
      <c r="Z174" s="132"/>
      <c r="AA174" s="132"/>
      <c r="AB174" s="66"/>
      <c r="AC174" s="66"/>
      <c r="AD174" s="66"/>
      <c r="AE174" s="66"/>
    </row>
    <row r="175" spans="1:35" s="74" customFormat="1" ht="24" customHeight="1">
      <c r="A175" s="66"/>
      <c r="B175" s="100" t="s">
        <v>101</v>
      </c>
      <c r="C175" s="131" t="s">
        <v>153</v>
      </c>
      <c r="D175" s="131"/>
      <c r="E175" s="131"/>
      <c r="F175" s="131"/>
      <c r="G175" s="131"/>
      <c r="H175" s="131"/>
      <c r="I175" s="131"/>
      <c r="J175" s="131"/>
      <c r="K175" s="131"/>
      <c r="L175" s="131"/>
      <c r="M175" s="131"/>
      <c r="N175" s="131"/>
      <c r="O175" s="131"/>
      <c r="P175" s="131"/>
      <c r="Q175" s="131"/>
      <c r="R175" s="131"/>
      <c r="S175" s="131"/>
      <c r="T175" s="131"/>
      <c r="U175" s="131"/>
      <c r="V175" s="131"/>
      <c r="W175" s="131"/>
      <c r="X175" s="131"/>
      <c r="Y175" s="132"/>
      <c r="Z175" s="132"/>
      <c r="AA175" s="132"/>
      <c r="AB175" s="66"/>
      <c r="AC175" s="66"/>
      <c r="AD175" s="66"/>
      <c r="AE175" s="66"/>
    </row>
    <row r="176" spans="1:35" s="74" customFormat="1" ht="24" customHeight="1">
      <c r="A176" s="66"/>
      <c r="B176" s="100" t="s">
        <v>102</v>
      </c>
      <c r="C176" s="131" t="s">
        <v>103</v>
      </c>
      <c r="D176" s="131"/>
      <c r="E176" s="131"/>
      <c r="F176" s="131"/>
      <c r="G176" s="131"/>
      <c r="H176" s="131"/>
      <c r="I176" s="131"/>
      <c r="J176" s="131"/>
      <c r="K176" s="131"/>
      <c r="L176" s="131"/>
      <c r="M176" s="131"/>
      <c r="N176" s="131"/>
      <c r="O176" s="131"/>
      <c r="P176" s="131"/>
      <c r="Q176" s="131"/>
      <c r="R176" s="131"/>
      <c r="S176" s="131"/>
      <c r="T176" s="131"/>
      <c r="U176" s="131"/>
      <c r="V176" s="131"/>
      <c r="W176" s="131"/>
      <c r="X176" s="131"/>
      <c r="Y176" s="132"/>
      <c r="Z176" s="132"/>
      <c r="AA176" s="132"/>
      <c r="AB176" s="66"/>
      <c r="AC176" s="66"/>
      <c r="AD176" s="66"/>
      <c r="AE176" s="66"/>
    </row>
    <row r="177" spans="1:35" s="74" customFormat="1" ht="30" customHeight="1">
      <c r="A177" s="66"/>
      <c r="B177" s="100" t="s">
        <v>93</v>
      </c>
      <c r="C177" s="131" t="s">
        <v>144</v>
      </c>
      <c r="D177" s="131"/>
      <c r="E177" s="131"/>
      <c r="F177" s="131"/>
      <c r="G177" s="131"/>
      <c r="H177" s="131"/>
      <c r="I177" s="131"/>
      <c r="J177" s="131"/>
      <c r="K177" s="131"/>
      <c r="L177" s="131"/>
      <c r="M177" s="131"/>
      <c r="N177" s="131"/>
      <c r="O177" s="131"/>
      <c r="P177" s="131"/>
      <c r="Q177" s="131"/>
      <c r="R177" s="131"/>
      <c r="S177" s="131"/>
      <c r="T177" s="131"/>
      <c r="U177" s="131"/>
      <c r="V177" s="131"/>
      <c r="W177" s="131"/>
      <c r="X177" s="131"/>
      <c r="Y177" s="132"/>
      <c r="Z177" s="132"/>
      <c r="AA177" s="132"/>
      <c r="AB177" s="66"/>
      <c r="AC177" s="66"/>
      <c r="AD177" s="66"/>
      <c r="AE177" s="66"/>
    </row>
    <row r="178" spans="1:35" s="78" customFormat="1" ht="9" customHeight="1">
      <c r="A178" s="80"/>
      <c r="B178" s="102"/>
      <c r="C178" s="80"/>
      <c r="D178" s="80"/>
      <c r="E178" s="80"/>
      <c r="F178" s="80"/>
      <c r="G178" s="80"/>
      <c r="H178" s="80"/>
      <c r="I178" s="79"/>
      <c r="J178" s="79"/>
      <c r="K178" s="79"/>
      <c r="L178" s="79"/>
      <c r="M178" s="79"/>
      <c r="N178" s="79"/>
      <c r="O178" s="79"/>
      <c r="P178" s="79"/>
      <c r="Q178" s="79"/>
      <c r="R178" s="79"/>
      <c r="S178" s="79"/>
      <c r="T178" s="79"/>
      <c r="U178" s="79"/>
      <c r="V178" s="79"/>
      <c r="W178" s="79"/>
      <c r="X178" s="79"/>
      <c r="Y178" s="81"/>
      <c r="Z178" s="81"/>
      <c r="AA178" s="81"/>
    </row>
    <row r="179" spans="1:35" s="74" customFormat="1" ht="21" customHeight="1">
      <c r="A179" s="34" t="s">
        <v>157</v>
      </c>
      <c r="B179" s="87"/>
      <c r="C179" s="43"/>
      <c r="D179" s="43"/>
      <c r="E179" s="43"/>
      <c r="F179" s="43"/>
      <c r="G179" s="43"/>
      <c r="H179" s="43"/>
      <c r="I179" s="43"/>
      <c r="J179" s="44"/>
      <c r="K179" s="44"/>
      <c r="L179" s="44"/>
      <c r="M179" s="44"/>
      <c r="N179" s="44"/>
      <c r="O179" s="44"/>
      <c r="P179" s="44"/>
      <c r="Q179" s="44"/>
      <c r="R179" s="44"/>
      <c r="S179" s="45"/>
      <c r="T179" s="45"/>
      <c r="U179" s="45"/>
      <c r="V179" s="45"/>
      <c r="W179" s="45"/>
      <c r="X179" s="45"/>
      <c r="Y179" s="37"/>
      <c r="Z179" s="37"/>
      <c r="AA179" s="37"/>
      <c r="AB179" s="45"/>
      <c r="AC179" s="45"/>
      <c r="AD179" s="45"/>
      <c r="AE179" s="45"/>
      <c r="AF179" s="66"/>
      <c r="AG179" s="66"/>
      <c r="AH179" s="66"/>
      <c r="AI179" s="66"/>
    </row>
    <row r="180" spans="1:35" s="74" customFormat="1" ht="30" customHeight="1">
      <c r="A180" s="66"/>
      <c r="B180" s="100" t="s">
        <v>12</v>
      </c>
      <c r="C180" s="131" t="s">
        <v>104</v>
      </c>
      <c r="D180" s="131"/>
      <c r="E180" s="131"/>
      <c r="F180" s="131"/>
      <c r="G180" s="131"/>
      <c r="H180" s="131"/>
      <c r="I180" s="131"/>
      <c r="J180" s="131"/>
      <c r="K180" s="131"/>
      <c r="L180" s="131"/>
      <c r="M180" s="131"/>
      <c r="N180" s="131"/>
      <c r="O180" s="131"/>
      <c r="P180" s="131"/>
      <c r="Q180" s="131"/>
      <c r="R180" s="131"/>
      <c r="S180" s="131"/>
      <c r="T180" s="131"/>
      <c r="U180" s="131"/>
      <c r="V180" s="131"/>
      <c r="W180" s="131"/>
      <c r="X180" s="131"/>
      <c r="Y180" s="132"/>
      <c r="Z180" s="132"/>
      <c r="AA180" s="132"/>
      <c r="AB180" s="66"/>
      <c r="AC180" s="66"/>
      <c r="AD180" s="66"/>
      <c r="AE180" s="66"/>
    </row>
    <row r="181" spans="1:35" s="74" customFormat="1" ht="30" customHeight="1">
      <c r="A181" s="66"/>
      <c r="B181" s="100" t="s">
        <v>90</v>
      </c>
      <c r="C181" s="131" t="s">
        <v>105</v>
      </c>
      <c r="D181" s="131"/>
      <c r="E181" s="131"/>
      <c r="F181" s="131"/>
      <c r="G181" s="131"/>
      <c r="H181" s="131"/>
      <c r="I181" s="131"/>
      <c r="J181" s="131"/>
      <c r="K181" s="131"/>
      <c r="L181" s="131"/>
      <c r="M181" s="131"/>
      <c r="N181" s="131"/>
      <c r="O181" s="131"/>
      <c r="P181" s="131"/>
      <c r="Q181" s="131"/>
      <c r="R181" s="131"/>
      <c r="S181" s="131"/>
      <c r="T181" s="131"/>
      <c r="U181" s="131"/>
      <c r="V181" s="131"/>
      <c r="W181" s="131"/>
      <c r="X181" s="131"/>
      <c r="Y181" s="132"/>
      <c r="Z181" s="132"/>
      <c r="AA181" s="132"/>
      <c r="AB181" s="66"/>
      <c r="AC181" s="66"/>
      <c r="AD181" s="66"/>
      <c r="AE181" s="66"/>
    </row>
    <row r="182" spans="1:35" s="74" customFormat="1" ht="30" customHeight="1">
      <c r="A182" s="66"/>
      <c r="B182" s="100" t="s">
        <v>101</v>
      </c>
      <c r="C182" s="131" t="s">
        <v>106</v>
      </c>
      <c r="D182" s="131"/>
      <c r="E182" s="131"/>
      <c r="F182" s="131"/>
      <c r="G182" s="131"/>
      <c r="H182" s="131"/>
      <c r="I182" s="131"/>
      <c r="J182" s="131"/>
      <c r="K182" s="131"/>
      <c r="L182" s="131"/>
      <c r="M182" s="131"/>
      <c r="N182" s="131"/>
      <c r="O182" s="131"/>
      <c r="P182" s="131"/>
      <c r="Q182" s="131"/>
      <c r="R182" s="131"/>
      <c r="S182" s="131"/>
      <c r="T182" s="131"/>
      <c r="U182" s="131"/>
      <c r="V182" s="131"/>
      <c r="W182" s="131"/>
      <c r="X182" s="131"/>
      <c r="Y182" s="132"/>
      <c r="Z182" s="132"/>
      <c r="AA182" s="132"/>
      <c r="AB182" s="66"/>
      <c r="AC182" s="66"/>
      <c r="AD182" s="66"/>
      <c r="AE182" s="66"/>
    </row>
    <row r="183" spans="1:35" s="74" customFormat="1" ht="30" customHeight="1">
      <c r="A183" s="66"/>
      <c r="B183" s="100" t="s">
        <v>102</v>
      </c>
      <c r="C183" s="131" t="s">
        <v>107</v>
      </c>
      <c r="D183" s="131"/>
      <c r="E183" s="131"/>
      <c r="F183" s="131"/>
      <c r="G183" s="131"/>
      <c r="H183" s="131"/>
      <c r="I183" s="131"/>
      <c r="J183" s="131"/>
      <c r="K183" s="131"/>
      <c r="L183" s="131"/>
      <c r="M183" s="131"/>
      <c r="N183" s="131"/>
      <c r="O183" s="131"/>
      <c r="P183" s="131"/>
      <c r="Q183" s="131"/>
      <c r="R183" s="131"/>
      <c r="S183" s="131"/>
      <c r="T183" s="131"/>
      <c r="U183" s="131"/>
      <c r="V183" s="131"/>
      <c r="W183" s="131"/>
      <c r="X183" s="131"/>
      <c r="Y183" s="132"/>
      <c r="Z183" s="132"/>
      <c r="AA183" s="132"/>
      <c r="AB183" s="66"/>
      <c r="AC183" s="66"/>
      <c r="AD183" s="66"/>
      <c r="AE183" s="66"/>
    </row>
    <row r="184" spans="1:35" s="74" customFormat="1" ht="30" customHeight="1">
      <c r="A184" s="66"/>
      <c r="B184" s="100" t="s">
        <v>93</v>
      </c>
      <c r="C184" s="131" t="s">
        <v>108</v>
      </c>
      <c r="D184" s="131"/>
      <c r="E184" s="131"/>
      <c r="F184" s="131"/>
      <c r="G184" s="131"/>
      <c r="H184" s="131"/>
      <c r="I184" s="131"/>
      <c r="J184" s="131"/>
      <c r="K184" s="131"/>
      <c r="L184" s="131"/>
      <c r="M184" s="131"/>
      <c r="N184" s="131"/>
      <c r="O184" s="131"/>
      <c r="P184" s="131"/>
      <c r="Q184" s="131"/>
      <c r="R184" s="131"/>
      <c r="S184" s="131"/>
      <c r="T184" s="131"/>
      <c r="U184" s="131"/>
      <c r="V184" s="131"/>
      <c r="W184" s="131"/>
      <c r="X184" s="131"/>
      <c r="Y184" s="132"/>
      <c r="Z184" s="132"/>
      <c r="AA184" s="132"/>
      <c r="AB184" s="66"/>
      <c r="AC184" s="66"/>
      <c r="AD184" s="66"/>
      <c r="AE184" s="66"/>
    </row>
    <row r="185" spans="1:35" s="74" customFormat="1" ht="30" customHeight="1">
      <c r="A185" s="66"/>
      <c r="B185" s="100" t="s">
        <v>81</v>
      </c>
      <c r="C185" s="131" t="s">
        <v>109</v>
      </c>
      <c r="D185" s="131"/>
      <c r="E185" s="131"/>
      <c r="F185" s="131"/>
      <c r="G185" s="131"/>
      <c r="H185" s="131"/>
      <c r="I185" s="131"/>
      <c r="J185" s="131"/>
      <c r="K185" s="131"/>
      <c r="L185" s="131"/>
      <c r="M185" s="131"/>
      <c r="N185" s="131"/>
      <c r="O185" s="131"/>
      <c r="P185" s="131"/>
      <c r="Q185" s="131"/>
      <c r="R185" s="131"/>
      <c r="S185" s="131"/>
      <c r="T185" s="131"/>
      <c r="U185" s="131"/>
      <c r="V185" s="131"/>
      <c r="W185" s="131"/>
      <c r="X185" s="131"/>
      <c r="Y185" s="132"/>
      <c r="Z185" s="132"/>
      <c r="AA185" s="132"/>
      <c r="AB185" s="66"/>
      <c r="AC185" s="66"/>
      <c r="AD185" s="66"/>
      <c r="AE185" s="66"/>
    </row>
    <row r="186" spans="1:35" s="78" customFormat="1" ht="9" customHeight="1">
      <c r="A186" s="80"/>
      <c r="B186" s="102"/>
      <c r="C186" s="80"/>
      <c r="D186" s="80"/>
      <c r="E186" s="80"/>
      <c r="F186" s="80"/>
      <c r="G186" s="80"/>
      <c r="H186" s="80"/>
      <c r="I186" s="79"/>
      <c r="J186" s="79"/>
      <c r="K186" s="79"/>
      <c r="L186" s="79"/>
      <c r="M186" s="79"/>
      <c r="N186" s="79"/>
      <c r="O186" s="79"/>
      <c r="P186" s="79"/>
      <c r="Q186" s="79"/>
      <c r="R186" s="79"/>
      <c r="S186" s="79"/>
      <c r="T186" s="79"/>
      <c r="U186" s="79"/>
      <c r="V186" s="79"/>
      <c r="W186" s="79"/>
      <c r="X186" s="79"/>
      <c r="Y186" s="81"/>
      <c r="Z186" s="81"/>
      <c r="AA186" s="81"/>
    </row>
    <row r="187" spans="1:35" s="74" customFormat="1" ht="21" customHeight="1">
      <c r="A187" s="34" t="s">
        <v>158</v>
      </c>
      <c r="B187" s="87"/>
      <c r="C187" s="43"/>
      <c r="D187" s="43"/>
      <c r="E187" s="43"/>
      <c r="F187" s="43"/>
      <c r="G187" s="43"/>
      <c r="H187" s="43"/>
      <c r="I187" s="43"/>
      <c r="J187" s="44"/>
      <c r="K187" s="44"/>
      <c r="L187" s="44"/>
      <c r="M187" s="44"/>
      <c r="N187" s="44"/>
      <c r="O187" s="44"/>
      <c r="P187" s="44"/>
      <c r="Q187" s="44"/>
      <c r="R187" s="44"/>
      <c r="S187" s="45"/>
      <c r="T187" s="45"/>
      <c r="U187" s="45"/>
      <c r="V187" s="45"/>
      <c r="W187" s="45"/>
      <c r="X187" s="45"/>
      <c r="Y187" s="37"/>
      <c r="Z187" s="37"/>
      <c r="AA187" s="37"/>
      <c r="AB187" s="45"/>
      <c r="AC187" s="45"/>
      <c r="AD187" s="45"/>
      <c r="AE187" s="45"/>
      <c r="AF187" s="66"/>
      <c r="AG187" s="66"/>
      <c r="AH187" s="66"/>
      <c r="AI187" s="66"/>
    </row>
    <row r="188" spans="1:35" s="74" customFormat="1" ht="42" customHeight="1">
      <c r="A188" s="66"/>
      <c r="B188" s="100" t="s">
        <v>12</v>
      </c>
      <c r="C188" s="131" t="s">
        <v>110</v>
      </c>
      <c r="D188" s="131"/>
      <c r="E188" s="131"/>
      <c r="F188" s="131"/>
      <c r="G188" s="131"/>
      <c r="H188" s="131"/>
      <c r="I188" s="131"/>
      <c r="J188" s="131"/>
      <c r="K188" s="131"/>
      <c r="L188" s="131"/>
      <c r="M188" s="131"/>
      <c r="N188" s="131"/>
      <c r="O188" s="131"/>
      <c r="P188" s="131"/>
      <c r="Q188" s="131"/>
      <c r="R188" s="131"/>
      <c r="S188" s="131"/>
      <c r="T188" s="131"/>
      <c r="U188" s="131"/>
      <c r="V188" s="131"/>
      <c r="W188" s="131"/>
      <c r="X188" s="131"/>
      <c r="Y188" s="132"/>
      <c r="Z188" s="132"/>
      <c r="AA188" s="132"/>
      <c r="AB188" s="66"/>
      <c r="AC188" s="66"/>
      <c r="AD188" s="66"/>
      <c r="AE188" s="66"/>
    </row>
    <row r="189" spans="1:35" s="74" customFormat="1" ht="30" customHeight="1">
      <c r="A189" s="66"/>
      <c r="B189" s="100" t="s">
        <v>90</v>
      </c>
      <c r="C189" s="131" t="s">
        <v>111</v>
      </c>
      <c r="D189" s="131"/>
      <c r="E189" s="131"/>
      <c r="F189" s="131"/>
      <c r="G189" s="131"/>
      <c r="H189" s="131"/>
      <c r="I189" s="131"/>
      <c r="J189" s="131"/>
      <c r="K189" s="131"/>
      <c r="L189" s="131"/>
      <c r="M189" s="131"/>
      <c r="N189" s="131"/>
      <c r="O189" s="131"/>
      <c r="P189" s="131"/>
      <c r="Q189" s="131"/>
      <c r="R189" s="131"/>
      <c r="S189" s="131"/>
      <c r="T189" s="131"/>
      <c r="U189" s="131"/>
      <c r="V189" s="131"/>
      <c r="W189" s="131"/>
      <c r="X189" s="131"/>
      <c r="Y189" s="132"/>
      <c r="Z189" s="132"/>
      <c r="AA189" s="132"/>
      <c r="AB189" s="66"/>
      <c r="AC189" s="66"/>
      <c r="AD189" s="66"/>
      <c r="AE189" s="66"/>
    </row>
    <row r="190" spans="1:35" s="78" customFormat="1" ht="9" customHeight="1">
      <c r="A190" s="80"/>
      <c r="B190" s="102"/>
      <c r="C190" s="80"/>
      <c r="D190" s="80"/>
      <c r="E190" s="80"/>
      <c r="F190" s="80"/>
      <c r="G190" s="80"/>
      <c r="H190" s="80"/>
      <c r="I190" s="79"/>
      <c r="J190" s="79"/>
      <c r="K190" s="79"/>
      <c r="L190" s="79"/>
      <c r="M190" s="79"/>
      <c r="N190" s="79"/>
      <c r="O190" s="79"/>
      <c r="P190" s="79"/>
      <c r="Q190" s="79"/>
      <c r="R190" s="79"/>
      <c r="S190" s="79"/>
      <c r="T190" s="79"/>
      <c r="U190" s="79"/>
      <c r="V190" s="79"/>
      <c r="W190" s="79"/>
      <c r="X190" s="79"/>
      <c r="Y190" s="81"/>
      <c r="Z190" s="81"/>
      <c r="AA190" s="81"/>
    </row>
    <row r="191" spans="1:35" s="74" customFormat="1" ht="21" customHeight="1">
      <c r="A191" s="34" t="s">
        <v>159</v>
      </c>
      <c r="B191" s="87"/>
      <c r="C191" s="43"/>
      <c r="D191" s="43"/>
      <c r="E191" s="43"/>
      <c r="F191" s="43"/>
      <c r="G191" s="43"/>
      <c r="H191" s="43"/>
      <c r="I191" s="43"/>
      <c r="J191" s="44"/>
      <c r="K191" s="44"/>
      <c r="L191" s="44"/>
      <c r="M191" s="44"/>
      <c r="N191" s="44"/>
      <c r="O191" s="44"/>
      <c r="P191" s="44"/>
      <c r="Q191" s="44"/>
      <c r="R191" s="44"/>
      <c r="S191" s="45"/>
      <c r="T191" s="45"/>
      <c r="U191" s="45"/>
      <c r="V191" s="45"/>
      <c r="W191" s="45"/>
      <c r="X191" s="45"/>
      <c r="Y191" s="37"/>
      <c r="Z191" s="37"/>
      <c r="AA191" s="37"/>
      <c r="AB191" s="45"/>
      <c r="AC191" s="45"/>
      <c r="AD191" s="45"/>
      <c r="AE191" s="45"/>
      <c r="AF191" s="66"/>
      <c r="AG191" s="66"/>
      <c r="AH191" s="66"/>
      <c r="AI191" s="66"/>
    </row>
    <row r="192" spans="1:35" s="74" customFormat="1" ht="30" customHeight="1">
      <c r="A192" s="66"/>
      <c r="B192" s="100" t="s">
        <v>12</v>
      </c>
      <c r="C192" s="131" t="s">
        <v>112</v>
      </c>
      <c r="D192" s="131"/>
      <c r="E192" s="131"/>
      <c r="F192" s="131"/>
      <c r="G192" s="131"/>
      <c r="H192" s="131"/>
      <c r="I192" s="131"/>
      <c r="J192" s="131"/>
      <c r="K192" s="131"/>
      <c r="L192" s="131"/>
      <c r="M192" s="131"/>
      <c r="N192" s="131"/>
      <c r="O192" s="131"/>
      <c r="P192" s="131"/>
      <c r="Q192" s="131"/>
      <c r="R192" s="131"/>
      <c r="S192" s="131"/>
      <c r="T192" s="131"/>
      <c r="U192" s="131"/>
      <c r="V192" s="131"/>
      <c r="W192" s="131"/>
      <c r="X192" s="131"/>
      <c r="Y192" s="132"/>
      <c r="Z192" s="132"/>
      <c r="AA192" s="132"/>
      <c r="AB192" s="66"/>
      <c r="AC192" s="66"/>
      <c r="AD192" s="66"/>
      <c r="AE192" s="66"/>
    </row>
    <row r="193" spans="1:35" s="78" customFormat="1" ht="9" customHeight="1">
      <c r="A193" s="80"/>
      <c r="B193" s="102"/>
      <c r="C193" s="80"/>
      <c r="D193" s="80"/>
      <c r="E193" s="80"/>
      <c r="F193" s="80"/>
      <c r="G193" s="80"/>
      <c r="H193" s="80"/>
      <c r="I193" s="79"/>
      <c r="J193" s="79"/>
      <c r="K193" s="79"/>
      <c r="L193" s="79"/>
      <c r="M193" s="79"/>
      <c r="N193" s="79"/>
      <c r="O193" s="79"/>
      <c r="P193" s="79"/>
      <c r="Q193" s="79"/>
      <c r="R193" s="79"/>
      <c r="S193" s="79"/>
      <c r="T193" s="79"/>
      <c r="U193" s="79"/>
      <c r="V193" s="79"/>
      <c r="W193" s="79"/>
      <c r="X193" s="79"/>
      <c r="Y193" s="81"/>
      <c r="Z193" s="81"/>
      <c r="AA193" s="81"/>
    </row>
    <row r="194" spans="1:35" s="74" customFormat="1" ht="21" customHeight="1">
      <c r="A194" s="34" t="s">
        <v>160</v>
      </c>
      <c r="B194" s="87"/>
      <c r="C194" s="43"/>
      <c r="D194" s="43"/>
      <c r="E194" s="43"/>
      <c r="F194" s="43"/>
      <c r="G194" s="43"/>
      <c r="H194" s="43"/>
      <c r="I194" s="43"/>
      <c r="J194" s="44"/>
      <c r="K194" s="44"/>
      <c r="L194" s="44"/>
      <c r="M194" s="44"/>
      <c r="N194" s="44"/>
      <c r="O194" s="44"/>
      <c r="P194" s="44"/>
      <c r="Q194" s="44"/>
      <c r="R194" s="44"/>
      <c r="S194" s="45"/>
      <c r="T194" s="45"/>
      <c r="U194" s="45"/>
      <c r="V194" s="45"/>
      <c r="W194" s="45"/>
      <c r="X194" s="45"/>
      <c r="Y194" s="37"/>
      <c r="Z194" s="37"/>
      <c r="AA194" s="37"/>
      <c r="AB194" s="45"/>
      <c r="AC194" s="45"/>
      <c r="AD194" s="45"/>
      <c r="AE194" s="45"/>
      <c r="AF194" s="66"/>
      <c r="AG194" s="66"/>
      <c r="AH194" s="66"/>
      <c r="AI194" s="66"/>
    </row>
    <row r="195" spans="1:35" s="74" customFormat="1" ht="24" customHeight="1">
      <c r="A195" s="66"/>
      <c r="B195" s="100" t="s">
        <v>12</v>
      </c>
      <c r="C195" s="131" t="s">
        <v>113</v>
      </c>
      <c r="D195" s="131"/>
      <c r="E195" s="131"/>
      <c r="F195" s="131"/>
      <c r="G195" s="131"/>
      <c r="H195" s="131"/>
      <c r="I195" s="131"/>
      <c r="J195" s="131"/>
      <c r="K195" s="131"/>
      <c r="L195" s="131"/>
      <c r="M195" s="131"/>
      <c r="N195" s="131"/>
      <c r="O195" s="131"/>
      <c r="P195" s="131"/>
      <c r="Q195" s="131"/>
      <c r="R195" s="131"/>
      <c r="S195" s="131"/>
      <c r="T195" s="131"/>
      <c r="U195" s="131"/>
      <c r="V195" s="131"/>
      <c r="W195" s="131"/>
      <c r="X195" s="131"/>
      <c r="Y195" s="132"/>
      <c r="Z195" s="132"/>
      <c r="AA195" s="132"/>
      <c r="AB195" s="66"/>
      <c r="AC195" s="66"/>
      <c r="AD195" s="66"/>
      <c r="AE195" s="66"/>
    </row>
    <row r="196" spans="1:35" s="78" customFormat="1" ht="9" customHeight="1">
      <c r="A196" s="80"/>
      <c r="B196" s="102"/>
      <c r="C196" s="80"/>
      <c r="D196" s="80"/>
      <c r="E196" s="80"/>
      <c r="F196" s="80"/>
      <c r="G196" s="80"/>
      <c r="H196" s="80"/>
      <c r="I196" s="79"/>
      <c r="J196" s="79"/>
      <c r="K196" s="79"/>
      <c r="L196" s="79"/>
      <c r="M196" s="79"/>
      <c r="N196" s="79"/>
      <c r="O196" s="79"/>
      <c r="P196" s="79"/>
      <c r="Q196" s="79"/>
      <c r="R196" s="79"/>
      <c r="S196" s="79"/>
      <c r="T196" s="79"/>
      <c r="U196" s="79"/>
      <c r="V196" s="79"/>
      <c r="W196" s="79"/>
      <c r="X196" s="79"/>
      <c r="Y196" s="81"/>
      <c r="Z196" s="81"/>
      <c r="AA196" s="81"/>
    </row>
    <row r="197" spans="1:35" s="74" customFormat="1" ht="21" customHeight="1">
      <c r="A197" s="34" t="s">
        <v>161</v>
      </c>
      <c r="B197" s="87"/>
      <c r="C197" s="43"/>
      <c r="D197" s="43"/>
      <c r="E197" s="43"/>
      <c r="F197" s="43"/>
      <c r="G197" s="43"/>
      <c r="H197" s="43"/>
      <c r="I197" s="43"/>
      <c r="J197" s="44"/>
      <c r="K197" s="44"/>
      <c r="L197" s="44"/>
      <c r="M197" s="44"/>
      <c r="N197" s="44"/>
      <c r="O197" s="44"/>
      <c r="P197" s="44"/>
      <c r="Q197" s="44"/>
      <c r="R197" s="44"/>
      <c r="S197" s="45"/>
      <c r="T197" s="45"/>
      <c r="U197" s="45"/>
      <c r="V197" s="45"/>
      <c r="W197" s="45"/>
      <c r="X197" s="45"/>
      <c r="Y197" s="37"/>
      <c r="Z197" s="37"/>
      <c r="AA197" s="37"/>
      <c r="AB197" s="45"/>
      <c r="AC197" s="45"/>
      <c r="AD197" s="45"/>
      <c r="AE197" s="45"/>
      <c r="AF197" s="66"/>
      <c r="AG197" s="66"/>
      <c r="AH197" s="66"/>
      <c r="AI197" s="66"/>
    </row>
    <row r="198" spans="1:35" s="74" customFormat="1" ht="30" customHeight="1">
      <c r="A198" s="66"/>
      <c r="B198" s="100" t="s">
        <v>12</v>
      </c>
      <c r="C198" s="131" t="s">
        <v>114</v>
      </c>
      <c r="D198" s="131"/>
      <c r="E198" s="131"/>
      <c r="F198" s="131"/>
      <c r="G198" s="131"/>
      <c r="H198" s="131"/>
      <c r="I198" s="131"/>
      <c r="J198" s="131"/>
      <c r="K198" s="131"/>
      <c r="L198" s="131"/>
      <c r="M198" s="131"/>
      <c r="N198" s="131"/>
      <c r="O198" s="131"/>
      <c r="P198" s="131"/>
      <c r="Q198" s="131"/>
      <c r="R198" s="131"/>
      <c r="S198" s="131"/>
      <c r="T198" s="131"/>
      <c r="U198" s="131"/>
      <c r="V198" s="131"/>
      <c r="W198" s="131"/>
      <c r="X198" s="131"/>
      <c r="Y198" s="132"/>
      <c r="Z198" s="132"/>
      <c r="AA198" s="132"/>
      <c r="AB198" s="66"/>
      <c r="AC198" s="66"/>
      <c r="AD198" s="66"/>
      <c r="AE198" s="66"/>
    </row>
    <row r="199" spans="1:35" s="78" customFormat="1" ht="9" customHeight="1">
      <c r="A199" s="80"/>
      <c r="B199" s="102"/>
      <c r="C199" s="80"/>
      <c r="D199" s="80"/>
      <c r="E199" s="80"/>
      <c r="F199" s="80"/>
      <c r="G199" s="80"/>
      <c r="H199" s="80"/>
      <c r="I199" s="79"/>
      <c r="J199" s="79"/>
      <c r="K199" s="79"/>
      <c r="L199" s="79"/>
      <c r="M199" s="79"/>
      <c r="N199" s="79"/>
      <c r="O199" s="79"/>
      <c r="P199" s="79"/>
      <c r="Q199" s="79"/>
      <c r="R199" s="79"/>
      <c r="S199" s="79"/>
      <c r="T199" s="79"/>
      <c r="U199" s="79"/>
      <c r="V199" s="79"/>
      <c r="W199" s="79"/>
      <c r="X199" s="79"/>
      <c r="Y199" s="81"/>
      <c r="Z199" s="81"/>
      <c r="AA199" s="81"/>
    </row>
    <row r="200" spans="1:35" s="74" customFormat="1" ht="21" customHeight="1">
      <c r="A200" s="34" t="s">
        <v>162</v>
      </c>
      <c r="B200" s="87"/>
      <c r="C200" s="43"/>
      <c r="D200" s="43"/>
      <c r="E200" s="43"/>
      <c r="F200" s="43"/>
      <c r="G200" s="43"/>
      <c r="H200" s="43"/>
      <c r="I200" s="43"/>
      <c r="J200" s="44"/>
      <c r="K200" s="44"/>
      <c r="L200" s="44"/>
      <c r="M200" s="44"/>
      <c r="N200" s="44"/>
      <c r="O200" s="44"/>
      <c r="P200" s="44"/>
      <c r="Q200" s="44"/>
      <c r="R200" s="44"/>
      <c r="S200" s="45"/>
      <c r="T200" s="45"/>
      <c r="U200" s="45"/>
      <c r="V200" s="45"/>
      <c r="W200" s="45"/>
      <c r="X200" s="45"/>
      <c r="Y200" s="37"/>
      <c r="Z200" s="37"/>
      <c r="AA200" s="37"/>
      <c r="AB200" s="45"/>
      <c r="AC200" s="45"/>
      <c r="AD200" s="45"/>
      <c r="AE200" s="45"/>
      <c r="AF200" s="66"/>
      <c r="AG200" s="66"/>
      <c r="AH200" s="66"/>
      <c r="AI200" s="66"/>
    </row>
    <row r="201" spans="1:35" s="74" customFormat="1" ht="30" customHeight="1">
      <c r="A201" s="66"/>
      <c r="B201" s="100" t="s">
        <v>12</v>
      </c>
      <c r="C201" s="131" t="s">
        <v>115</v>
      </c>
      <c r="D201" s="131"/>
      <c r="E201" s="131"/>
      <c r="F201" s="131"/>
      <c r="G201" s="131"/>
      <c r="H201" s="131"/>
      <c r="I201" s="131"/>
      <c r="J201" s="131"/>
      <c r="K201" s="131"/>
      <c r="L201" s="131"/>
      <c r="M201" s="131"/>
      <c r="N201" s="131"/>
      <c r="O201" s="131"/>
      <c r="P201" s="131"/>
      <c r="Q201" s="131"/>
      <c r="R201" s="131"/>
      <c r="S201" s="131"/>
      <c r="T201" s="131"/>
      <c r="U201" s="131"/>
      <c r="V201" s="131"/>
      <c r="W201" s="131"/>
      <c r="X201" s="131"/>
      <c r="Y201" s="132"/>
      <c r="Z201" s="132"/>
      <c r="AA201" s="132"/>
      <c r="AB201" s="66"/>
      <c r="AC201" s="66"/>
      <c r="AD201" s="66"/>
      <c r="AE201" s="66"/>
    </row>
    <row r="202" spans="1:35" s="74" customFormat="1" ht="30" customHeight="1">
      <c r="A202" s="66"/>
      <c r="B202" s="100" t="s">
        <v>90</v>
      </c>
      <c r="C202" s="131" t="s">
        <v>116</v>
      </c>
      <c r="D202" s="131"/>
      <c r="E202" s="131"/>
      <c r="F202" s="131"/>
      <c r="G202" s="131"/>
      <c r="H202" s="131"/>
      <c r="I202" s="131"/>
      <c r="J202" s="131"/>
      <c r="K202" s="131"/>
      <c r="L202" s="131"/>
      <c r="M202" s="131"/>
      <c r="N202" s="131"/>
      <c r="O202" s="131"/>
      <c r="P202" s="131"/>
      <c r="Q202" s="131"/>
      <c r="R202" s="131"/>
      <c r="S202" s="131"/>
      <c r="T202" s="131"/>
      <c r="U202" s="131"/>
      <c r="V202" s="131"/>
      <c r="W202" s="131"/>
      <c r="X202" s="131"/>
      <c r="Y202" s="132"/>
      <c r="Z202" s="132"/>
      <c r="AA202" s="132"/>
      <c r="AB202" s="66"/>
      <c r="AC202" s="66"/>
      <c r="AD202" s="66"/>
      <c r="AE202" s="66"/>
    </row>
    <row r="203" spans="1:35" s="78" customFormat="1" ht="9" customHeight="1">
      <c r="A203" s="80"/>
      <c r="B203" s="102"/>
      <c r="C203" s="80"/>
      <c r="D203" s="80"/>
      <c r="E203" s="80"/>
      <c r="F203" s="80"/>
      <c r="G203" s="80"/>
      <c r="H203" s="80"/>
      <c r="I203" s="79"/>
      <c r="J203" s="79"/>
      <c r="K203" s="79"/>
      <c r="L203" s="79"/>
      <c r="M203" s="79"/>
      <c r="N203" s="79"/>
      <c r="O203" s="79"/>
      <c r="P203" s="79"/>
      <c r="Q203" s="79"/>
      <c r="R203" s="79"/>
      <c r="S203" s="79"/>
      <c r="T203" s="79"/>
      <c r="U203" s="79"/>
      <c r="V203" s="79"/>
      <c r="W203" s="79"/>
      <c r="X203" s="79"/>
      <c r="Y203" s="81"/>
      <c r="Z203" s="81"/>
      <c r="AA203" s="81"/>
    </row>
    <row r="204" spans="1:35" s="74" customFormat="1" ht="21" customHeight="1">
      <c r="A204" s="34" t="s">
        <v>163</v>
      </c>
      <c r="B204" s="87"/>
      <c r="C204" s="43"/>
      <c r="D204" s="43"/>
      <c r="E204" s="43"/>
      <c r="F204" s="43"/>
      <c r="G204" s="43"/>
      <c r="H204" s="43"/>
      <c r="I204" s="43"/>
      <c r="J204" s="44"/>
      <c r="K204" s="44"/>
      <c r="L204" s="44"/>
      <c r="M204" s="44"/>
      <c r="N204" s="44"/>
      <c r="O204" s="44"/>
      <c r="P204" s="44"/>
      <c r="Q204" s="44"/>
      <c r="R204" s="44"/>
      <c r="S204" s="45"/>
      <c r="T204" s="45"/>
      <c r="U204" s="45"/>
      <c r="V204" s="45"/>
      <c r="W204" s="45"/>
      <c r="X204" s="45"/>
      <c r="Y204" s="37"/>
      <c r="Z204" s="37"/>
      <c r="AA204" s="37"/>
      <c r="AB204" s="45"/>
      <c r="AC204" s="45"/>
      <c r="AD204" s="45"/>
      <c r="AE204" s="45"/>
      <c r="AF204" s="66"/>
      <c r="AG204" s="66"/>
      <c r="AH204" s="66"/>
      <c r="AI204" s="66"/>
    </row>
    <row r="205" spans="1:35" s="74" customFormat="1" ht="24" customHeight="1">
      <c r="A205" s="66"/>
      <c r="B205" s="100" t="s">
        <v>12</v>
      </c>
      <c r="C205" s="131" t="s">
        <v>117</v>
      </c>
      <c r="D205" s="131"/>
      <c r="E205" s="131"/>
      <c r="F205" s="131"/>
      <c r="G205" s="131"/>
      <c r="H205" s="131"/>
      <c r="I205" s="131"/>
      <c r="J205" s="131"/>
      <c r="K205" s="131"/>
      <c r="L205" s="131"/>
      <c r="M205" s="131"/>
      <c r="N205" s="131"/>
      <c r="O205" s="131"/>
      <c r="P205" s="131"/>
      <c r="Q205" s="131"/>
      <c r="R205" s="131"/>
      <c r="S205" s="131"/>
      <c r="T205" s="131"/>
      <c r="U205" s="131"/>
      <c r="V205" s="131"/>
      <c r="W205" s="131"/>
      <c r="X205" s="131"/>
      <c r="Y205" s="132"/>
      <c r="Z205" s="132"/>
      <c r="AA205" s="132"/>
      <c r="AB205" s="66"/>
      <c r="AC205" s="66"/>
      <c r="AD205" s="66"/>
      <c r="AE205" s="66"/>
    </row>
    <row r="206" spans="1:35" s="74" customFormat="1" ht="30" customHeight="1">
      <c r="A206" s="66"/>
      <c r="B206" s="100" t="s">
        <v>90</v>
      </c>
      <c r="C206" s="133" t="s">
        <v>118</v>
      </c>
      <c r="D206" s="134"/>
      <c r="E206" s="134"/>
      <c r="F206" s="134"/>
      <c r="G206" s="134"/>
      <c r="H206" s="134"/>
      <c r="I206" s="134"/>
      <c r="J206" s="134"/>
      <c r="K206" s="134"/>
      <c r="L206" s="134"/>
      <c r="M206" s="134"/>
      <c r="N206" s="134"/>
      <c r="O206" s="134"/>
      <c r="P206" s="134"/>
      <c r="Q206" s="134"/>
      <c r="R206" s="134"/>
      <c r="S206" s="134"/>
      <c r="T206" s="134"/>
      <c r="U206" s="134"/>
      <c r="V206" s="134"/>
      <c r="W206" s="134"/>
      <c r="X206" s="135"/>
      <c r="Y206" s="136"/>
      <c r="Z206" s="137"/>
      <c r="AA206" s="138"/>
      <c r="AB206" s="66"/>
      <c r="AC206" s="66"/>
      <c r="AD206" s="66"/>
      <c r="AE206" s="66"/>
    </row>
    <row r="207" spans="1:35" s="78" customFormat="1" ht="9" customHeight="1">
      <c r="A207" s="80"/>
      <c r="B207" s="102"/>
      <c r="C207" s="80"/>
      <c r="D207" s="80"/>
      <c r="E207" s="80"/>
      <c r="F207" s="80"/>
      <c r="G207" s="80"/>
      <c r="H207" s="80"/>
      <c r="I207" s="79"/>
      <c r="J207" s="79"/>
      <c r="K207" s="79"/>
      <c r="L207" s="79"/>
      <c r="M207" s="79"/>
      <c r="N207" s="79"/>
      <c r="O207" s="79"/>
      <c r="P207" s="79"/>
      <c r="Q207" s="79"/>
      <c r="R207" s="79"/>
      <c r="S207" s="79"/>
      <c r="T207" s="79"/>
      <c r="U207" s="79"/>
      <c r="V207" s="79"/>
      <c r="W207" s="79"/>
      <c r="X207" s="79"/>
      <c r="Y207" s="81"/>
      <c r="Z207" s="81"/>
      <c r="AA207" s="81"/>
    </row>
    <row r="208" spans="1:35" s="74" customFormat="1" ht="21" customHeight="1">
      <c r="A208" s="34" t="s">
        <v>164</v>
      </c>
      <c r="B208" s="87"/>
      <c r="C208" s="43"/>
      <c r="D208" s="43"/>
      <c r="E208" s="43"/>
      <c r="F208" s="43"/>
      <c r="G208" s="43"/>
      <c r="H208" s="43"/>
      <c r="I208" s="43"/>
      <c r="J208" s="44"/>
      <c r="K208" s="44"/>
      <c r="L208" s="44"/>
      <c r="M208" s="44"/>
      <c r="N208" s="44"/>
      <c r="O208" s="44"/>
      <c r="P208" s="44"/>
      <c r="Q208" s="44"/>
      <c r="R208" s="44"/>
      <c r="S208" s="45"/>
      <c r="T208" s="45"/>
      <c r="U208" s="45"/>
      <c r="V208" s="45"/>
      <c r="W208" s="45"/>
      <c r="X208" s="45"/>
      <c r="Y208" s="37"/>
      <c r="Z208" s="37"/>
      <c r="AA208" s="37"/>
      <c r="AB208" s="45"/>
      <c r="AC208" s="45"/>
      <c r="AD208" s="45"/>
      <c r="AE208" s="45"/>
      <c r="AF208" s="66"/>
      <c r="AG208" s="66"/>
      <c r="AH208" s="66"/>
      <c r="AI208" s="66"/>
    </row>
    <row r="209" spans="1:35" s="74" customFormat="1" ht="30" customHeight="1">
      <c r="A209" s="66"/>
      <c r="B209" s="100" t="s">
        <v>12</v>
      </c>
      <c r="C209" s="131" t="s">
        <v>119</v>
      </c>
      <c r="D209" s="131"/>
      <c r="E209" s="131"/>
      <c r="F209" s="131"/>
      <c r="G209" s="131"/>
      <c r="H209" s="131"/>
      <c r="I209" s="131"/>
      <c r="J209" s="131"/>
      <c r="K209" s="131"/>
      <c r="L209" s="131"/>
      <c r="M209" s="131"/>
      <c r="N209" s="131"/>
      <c r="O209" s="131"/>
      <c r="P209" s="131"/>
      <c r="Q209" s="131"/>
      <c r="R209" s="131"/>
      <c r="S209" s="131"/>
      <c r="T209" s="131"/>
      <c r="U209" s="131"/>
      <c r="V209" s="131"/>
      <c r="W209" s="131"/>
      <c r="X209" s="131"/>
      <c r="Y209" s="132"/>
      <c r="Z209" s="132"/>
      <c r="AA209" s="132"/>
      <c r="AB209" s="66"/>
      <c r="AC209" s="66"/>
      <c r="AD209" s="66"/>
      <c r="AE209" s="66"/>
    </row>
    <row r="210" spans="1:35" s="78" customFormat="1" ht="9" customHeight="1">
      <c r="A210" s="80"/>
      <c r="B210" s="102"/>
      <c r="C210" s="80"/>
      <c r="D210" s="80"/>
      <c r="E210" s="80"/>
      <c r="F210" s="80"/>
      <c r="G210" s="80"/>
      <c r="H210" s="80"/>
      <c r="I210" s="79"/>
      <c r="J210" s="79"/>
      <c r="K210" s="79"/>
      <c r="L210" s="79"/>
      <c r="M210" s="79"/>
      <c r="N210" s="79"/>
      <c r="O210" s="79"/>
      <c r="P210" s="79"/>
      <c r="Q210" s="79"/>
      <c r="R210" s="79"/>
      <c r="S210" s="79"/>
      <c r="T210" s="79"/>
      <c r="U210" s="79"/>
      <c r="V210" s="79"/>
      <c r="W210" s="79"/>
      <c r="X210" s="79"/>
      <c r="Y210" s="81"/>
      <c r="Z210" s="81"/>
      <c r="AA210" s="81"/>
    </row>
    <row r="211" spans="1:35" s="74" customFormat="1" ht="21" customHeight="1">
      <c r="A211" s="34" t="s">
        <v>165</v>
      </c>
      <c r="B211" s="87"/>
      <c r="C211" s="43"/>
      <c r="D211" s="43"/>
      <c r="E211" s="43"/>
      <c r="F211" s="43"/>
      <c r="G211" s="43"/>
      <c r="H211" s="43"/>
      <c r="I211" s="43"/>
      <c r="J211" s="44"/>
      <c r="K211" s="44"/>
      <c r="L211" s="44"/>
      <c r="M211" s="44"/>
      <c r="N211" s="44"/>
      <c r="O211" s="44"/>
      <c r="P211" s="44"/>
      <c r="Q211" s="44"/>
      <c r="R211" s="44"/>
      <c r="S211" s="45"/>
      <c r="T211" s="45"/>
      <c r="U211" s="45"/>
      <c r="V211" s="45"/>
      <c r="W211" s="45"/>
      <c r="X211" s="45"/>
      <c r="Y211" s="37"/>
      <c r="Z211" s="37"/>
      <c r="AA211" s="37"/>
      <c r="AB211" s="45"/>
      <c r="AC211" s="45"/>
      <c r="AD211" s="45"/>
      <c r="AE211" s="45"/>
      <c r="AF211" s="66"/>
      <c r="AG211" s="66"/>
      <c r="AH211" s="66"/>
      <c r="AI211" s="66"/>
    </row>
    <row r="212" spans="1:35" s="74" customFormat="1" ht="30" customHeight="1">
      <c r="A212" s="66"/>
      <c r="B212" s="100" t="s">
        <v>12</v>
      </c>
      <c r="C212" s="131" t="s">
        <v>120</v>
      </c>
      <c r="D212" s="131"/>
      <c r="E212" s="131"/>
      <c r="F212" s="131"/>
      <c r="G212" s="131"/>
      <c r="H212" s="131"/>
      <c r="I212" s="131"/>
      <c r="J212" s="131"/>
      <c r="K212" s="131"/>
      <c r="L212" s="131"/>
      <c r="M212" s="131"/>
      <c r="N212" s="131"/>
      <c r="O212" s="131"/>
      <c r="P212" s="131"/>
      <c r="Q212" s="131"/>
      <c r="R212" s="131"/>
      <c r="S212" s="131"/>
      <c r="T212" s="131"/>
      <c r="U212" s="131"/>
      <c r="V212" s="131"/>
      <c r="W212" s="131"/>
      <c r="X212" s="131"/>
      <c r="Y212" s="132"/>
      <c r="Z212" s="132"/>
      <c r="AA212" s="132"/>
      <c r="AB212" s="66"/>
      <c r="AC212" s="66"/>
      <c r="AD212" s="66"/>
      <c r="AE212" s="66"/>
    </row>
    <row r="213" spans="1:35" s="78" customFormat="1" ht="9" customHeight="1">
      <c r="A213" s="80"/>
      <c r="B213" s="102"/>
      <c r="C213" s="80"/>
      <c r="D213" s="80"/>
      <c r="E213" s="80"/>
      <c r="F213" s="80"/>
      <c r="G213" s="80"/>
      <c r="H213" s="80"/>
      <c r="I213" s="79"/>
      <c r="J213" s="79"/>
      <c r="K213" s="79"/>
      <c r="L213" s="79"/>
      <c r="M213" s="79"/>
      <c r="N213" s="79"/>
      <c r="O213" s="79"/>
      <c r="P213" s="79"/>
      <c r="Q213" s="79"/>
      <c r="R213" s="79"/>
      <c r="S213" s="79"/>
      <c r="T213" s="79"/>
      <c r="U213" s="79"/>
      <c r="V213" s="79"/>
      <c r="W213" s="79"/>
      <c r="X213" s="79"/>
      <c r="Y213" s="81"/>
      <c r="Z213" s="81"/>
      <c r="AA213" s="81"/>
    </row>
    <row r="214" spans="1:35" s="74" customFormat="1" ht="21" customHeight="1">
      <c r="A214" s="34" t="s">
        <v>166</v>
      </c>
      <c r="B214" s="87"/>
      <c r="C214" s="43"/>
      <c r="D214" s="43"/>
      <c r="E214" s="43"/>
      <c r="F214" s="43"/>
      <c r="G214" s="43"/>
      <c r="H214" s="43"/>
      <c r="I214" s="43"/>
      <c r="J214" s="44"/>
      <c r="K214" s="44"/>
      <c r="L214" s="44"/>
      <c r="M214" s="44"/>
      <c r="N214" s="44"/>
      <c r="O214" s="44"/>
      <c r="P214" s="44"/>
      <c r="Q214" s="44"/>
      <c r="R214" s="44"/>
      <c r="S214" s="45"/>
      <c r="T214" s="45"/>
      <c r="U214" s="45"/>
      <c r="V214" s="45"/>
      <c r="W214" s="45"/>
      <c r="X214" s="45"/>
      <c r="Y214" s="37"/>
      <c r="Z214" s="37"/>
      <c r="AA214" s="37"/>
      <c r="AB214" s="45"/>
      <c r="AC214" s="45"/>
      <c r="AD214" s="45"/>
      <c r="AE214" s="45"/>
      <c r="AF214" s="66"/>
      <c r="AG214" s="66"/>
      <c r="AH214" s="66"/>
      <c r="AI214" s="66"/>
    </row>
    <row r="215" spans="1:35" s="74" customFormat="1" ht="42" customHeight="1">
      <c r="A215" s="66"/>
      <c r="B215" s="100" t="s">
        <v>12</v>
      </c>
      <c r="C215" s="131" t="s">
        <v>121</v>
      </c>
      <c r="D215" s="131"/>
      <c r="E215" s="131"/>
      <c r="F215" s="131"/>
      <c r="G215" s="131"/>
      <c r="H215" s="131"/>
      <c r="I215" s="131"/>
      <c r="J215" s="131"/>
      <c r="K215" s="131"/>
      <c r="L215" s="131"/>
      <c r="M215" s="131"/>
      <c r="N215" s="131"/>
      <c r="O215" s="131"/>
      <c r="P215" s="131"/>
      <c r="Q215" s="131"/>
      <c r="R215" s="131"/>
      <c r="S215" s="131"/>
      <c r="T215" s="131"/>
      <c r="U215" s="131"/>
      <c r="V215" s="131"/>
      <c r="W215" s="131"/>
      <c r="X215" s="131"/>
      <c r="Y215" s="132"/>
      <c r="Z215" s="132"/>
      <c r="AA215" s="132"/>
      <c r="AB215" s="66"/>
      <c r="AC215" s="66"/>
      <c r="AD215" s="66"/>
      <c r="AE215" s="66"/>
    </row>
    <row r="216" spans="1:35" s="74" customFormat="1" ht="9" customHeight="1">
      <c r="B216" s="127"/>
      <c r="C216" s="110"/>
      <c r="D216" s="110"/>
      <c r="E216" s="110"/>
      <c r="F216" s="110"/>
      <c r="G216" s="110"/>
      <c r="H216" s="110"/>
      <c r="I216" s="110"/>
      <c r="J216" s="110"/>
      <c r="K216" s="110"/>
      <c r="L216" s="110"/>
      <c r="M216" s="110"/>
      <c r="N216" s="110"/>
      <c r="O216" s="110"/>
      <c r="P216" s="110"/>
      <c r="Q216" s="110"/>
      <c r="R216" s="110"/>
      <c r="S216" s="110"/>
      <c r="T216" s="110"/>
      <c r="U216" s="110"/>
      <c r="V216" s="110"/>
      <c r="W216" s="110"/>
      <c r="X216" s="110"/>
      <c r="Y216" s="128"/>
      <c r="Z216" s="128"/>
      <c r="AA216" s="128"/>
    </row>
    <row r="217" spans="1:35" s="1" customFormat="1" ht="12.75" customHeight="1">
      <c r="A217" s="130"/>
      <c r="B217" s="23"/>
      <c r="C217" s="114"/>
      <c r="D217" s="38"/>
      <c r="E217" s="38"/>
      <c r="F217" s="38"/>
      <c r="G217" s="38"/>
      <c r="H217" s="38"/>
      <c r="I217" s="38"/>
      <c r="J217" s="27"/>
      <c r="K217" s="27"/>
      <c r="L217" s="27"/>
      <c r="M217" s="27"/>
      <c r="N217" s="27"/>
      <c r="O217" s="27"/>
      <c r="P217" s="27"/>
      <c r="Q217" s="27"/>
      <c r="R217" s="27"/>
      <c r="S217" s="28"/>
      <c r="T217" s="28"/>
      <c r="U217" s="28"/>
      <c r="V217" s="28"/>
      <c r="W217" s="28"/>
      <c r="X217" s="28"/>
      <c r="Y217" s="129"/>
      <c r="Z217" s="129"/>
      <c r="AA217" s="129"/>
    </row>
    <row r="218" spans="1:35" s="1" customFormat="1" ht="12.75" customHeight="1">
      <c r="A218" s="130"/>
      <c r="B218" s="23"/>
      <c r="C218" s="114"/>
      <c r="D218" s="38"/>
      <c r="E218" s="38"/>
      <c r="F218" s="38"/>
      <c r="G218" s="38"/>
      <c r="H218" s="38"/>
      <c r="I218" s="38"/>
      <c r="J218" s="27"/>
      <c r="K218" s="27"/>
      <c r="L218" s="27"/>
      <c r="M218" s="27"/>
      <c r="N218" s="27"/>
      <c r="O218" s="27"/>
      <c r="P218" s="27"/>
      <c r="Q218" s="27"/>
      <c r="R218" s="27"/>
      <c r="S218" s="28"/>
      <c r="T218" s="28"/>
      <c r="U218" s="28"/>
      <c r="V218" s="28"/>
      <c r="W218" s="28"/>
      <c r="X218" s="28"/>
      <c r="Y218" s="129"/>
      <c r="Z218" s="129"/>
      <c r="AA218" s="129"/>
    </row>
    <row r="219" spans="1:35" s="1" customFormat="1" ht="16.5" customHeight="1">
      <c r="A219" s="130"/>
      <c r="B219" s="23"/>
      <c r="C219" s="114"/>
      <c r="D219" s="38"/>
      <c r="E219" s="38"/>
      <c r="F219" s="38"/>
      <c r="G219" s="38"/>
      <c r="H219" s="38"/>
      <c r="I219" s="38"/>
      <c r="J219" s="27"/>
      <c r="K219" s="27"/>
      <c r="L219" s="27"/>
      <c r="M219" s="27"/>
      <c r="N219" s="27"/>
      <c r="O219" s="27"/>
      <c r="P219" s="27"/>
      <c r="Q219" s="27"/>
      <c r="R219" s="27"/>
      <c r="S219" s="28"/>
      <c r="T219" s="28"/>
      <c r="U219" s="28"/>
      <c r="V219" s="28"/>
      <c r="W219" s="28"/>
      <c r="X219" s="28"/>
      <c r="Y219" s="129"/>
      <c r="Z219" s="129"/>
      <c r="AA219" s="129"/>
    </row>
    <row r="220" spans="1:35" s="74" customFormat="1" ht="21" customHeight="1">
      <c r="A220" s="34" t="s">
        <v>167</v>
      </c>
      <c r="B220" s="87"/>
      <c r="C220" s="43"/>
      <c r="D220" s="43"/>
      <c r="E220" s="43"/>
      <c r="F220" s="43"/>
      <c r="G220" s="43"/>
      <c r="H220" s="43"/>
      <c r="I220" s="43"/>
      <c r="J220" s="44"/>
      <c r="K220" s="44"/>
      <c r="L220" s="44"/>
      <c r="M220" s="44"/>
      <c r="N220" s="44"/>
      <c r="O220" s="44"/>
      <c r="P220" s="44"/>
      <c r="Q220" s="44"/>
      <c r="R220" s="44"/>
      <c r="S220" s="45"/>
      <c r="T220" s="45"/>
      <c r="U220" s="45"/>
      <c r="V220" s="45"/>
      <c r="W220" s="45"/>
      <c r="X220" s="45"/>
      <c r="Y220" s="37"/>
      <c r="Z220" s="37"/>
      <c r="AA220" s="37"/>
      <c r="AB220" s="45"/>
      <c r="AC220" s="45"/>
      <c r="AD220" s="45"/>
      <c r="AE220" s="45"/>
      <c r="AF220" s="66"/>
      <c r="AG220" s="66"/>
      <c r="AH220" s="66"/>
      <c r="AI220" s="66"/>
    </row>
    <row r="221" spans="1:35" s="74" customFormat="1" ht="30" customHeight="1">
      <c r="A221" s="66"/>
      <c r="B221" s="100" t="s">
        <v>12</v>
      </c>
      <c r="C221" s="133" t="s">
        <v>145</v>
      </c>
      <c r="D221" s="134"/>
      <c r="E221" s="134"/>
      <c r="F221" s="134"/>
      <c r="G221" s="134"/>
      <c r="H221" s="134"/>
      <c r="I221" s="134"/>
      <c r="J221" s="134"/>
      <c r="K221" s="134"/>
      <c r="L221" s="134"/>
      <c r="M221" s="134"/>
      <c r="N221" s="134"/>
      <c r="O221" s="134"/>
      <c r="P221" s="134"/>
      <c r="Q221" s="134"/>
      <c r="R221" s="134"/>
      <c r="S221" s="134"/>
      <c r="T221" s="134"/>
      <c r="U221" s="134"/>
      <c r="V221" s="134"/>
      <c r="W221" s="134"/>
      <c r="X221" s="135"/>
      <c r="Y221" s="136"/>
      <c r="Z221" s="137"/>
      <c r="AA221" s="138"/>
      <c r="AB221" s="66"/>
      <c r="AC221" s="66"/>
      <c r="AD221" s="66"/>
      <c r="AE221" s="66"/>
    </row>
    <row r="222" spans="1:35" s="74" customFormat="1" ht="24" customHeight="1">
      <c r="A222" s="66"/>
      <c r="B222" s="100" t="s">
        <v>146</v>
      </c>
      <c r="C222" s="133" t="s">
        <v>147</v>
      </c>
      <c r="D222" s="134"/>
      <c r="E222" s="134"/>
      <c r="F222" s="134"/>
      <c r="G222" s="134"/>
      <c r="H222" s="134"/>
      <c r="I222" s="134"/>
      <c r="J222" s="134"/>
      <c r="K222" s="134"/>
      <c r="L222" s="134"/>
      <c r="M222" s="134"/>
      <c r="N222" s="134"/>
      <c r="O222" s="134"/>
      <c r="P222" s="134"/>
      <c r="Q222" s="134"/>
      <c r="R222" s="134"/>
      <c r="S222" s="134"/>
      <c r="T222" s="134"/>
      <c r="U222" s="134"/>
      <c r="V222" s="134"/>
      <c r="W222" s="134"/>
      <c r="X222" s="135"/>
      <c r="Y222" s="136"/>
      <c r="Z222" s="137"/>
      <c r="AA222" s="138"/>
      <c r="AB222" s="66"/>
      <c r="AC222" s="66"/>
      <c r="AD222" s="66"/>
      <c r="AE222" s="66"/>
    </row>
    <row r="223" spans="1:35" s="74" customFormat="1" ht="9" customHeight="1">
      <c r="B223" s="127"/>
      <c r="C223" s="110"/>
      <c r="D223" s="110"/>
      <c r="E223" s="110"/>
      <c r="F223" s="110"/>
      <c r="G223" s="110"/>
      <c r="H223" s="110"/>
      <c r="I223" s="110"/>
      <c r="J223" s="110"/>
      <c r="K223" s="110"/>
      <c r="L223" s="110"/>
      <c r="M223" s="110"/>
      <c r="N223" s="110"/>
      <c r="O223" s="110"/>
      <c r="P223" s="110"/>
      <c r="Q223" s="110"/>
      <c r="R223" s="110"/>
      <c r="S223" s="110"/>
      <c r="T223" s="110"/>
      <c r="U223" s="110"/>
      <c r="V223" s="110"/>
      <c r="W223" s="110"/>
      <c r="X223" s="110"/>
      <c r="Y223" s="128"/>
      <c r="Z223" s="128"/>
      <c r="AA223" s="128"/>
    </row>
    <row r="224" spans="1:35" s="1" customFormat="1" ht="12.75" customHeight="1">
      <c r="A224" s="130"/>
      <c r="B224" s="23"/>
      <c r="C224" s="114"/>
      <c r="D224" s="38"/>
      <c r="E224" s="38"/>
      <c r="F224" s="38"/>
      <c r="G224" s="38"/>
      <c r="H224" s="38"/>
      <c r="I224" s="38"/>
      <c r="J224" s="27"/>
      <c r="K224" s="27"/>
      <c r="L224" s="27"/>
      <c r="M224" s="27"/>
      <c r="N224" s="27"/>
      <c r="O224" s="27"/>
      <c r="P224" s="27"/>
      <c r="Q224" s="27"/>
      <c r="R224" s="27"/>
      <c r="S224" s="28"/>
      <c r="T224" s="28"/>
      <c r="U224" s="28"/>
      <c r="V224" s="28"/>
      <c r="W224" s="28"/>
      <c r="X224" s="28"/>
      <c r="Y224" s="129"/>
      <c r="Z224" s="129"/>
      <c r="AA224" s="129"/>
    </row>
    <row r="225" spans="1:35" s="1" customFormat="1" ht="12.75" customHeight="1">
      <c r="A225" s="130"/>
      <c r="B225" s="23"/>
      <c r="C225" s="114"/>
      <c r="D225" s="38"/>
      <c r="E225" s="38"/>
      <c r="F225" s="38"/>
      <c r="G225" s="38"/>
      <c r="H225" s="38"/>
      <c r="I225" s="38"/>
      <c r="J225" s="27"/>
      <c r="K225" s="27"/>
      <c r="L225" s="27"/>
      <c r="M225" s="27"/>
      <c r="N225" s="27"/>
      <c r="O225" s="27"/>
      <c r="P225" s="27"/>
      <c r="Q225" s="27"/>
      <c r="R225" s="27"/>
      <c r="S225" s="28"/>
      <c r="T225" s="28"/>
      <c r="U225" s="28"/>
      <c r="V225" s="28"/>
      <c r="W225" s="28"/>
      <c r="X225" s="28"/>
      <c r="Y225" s="129"/>
      <c r="Z225" s="129"/>
      <c r="AA225" s="129"/>
    </row>
    <row r="226" spans="1:35" s="1" customFormat="1" ht="16.5" customHeight="1">
      <c r="A226" s="130"/>
      <c r="B226" s="23"/>
      <c r="C226" s="114"/>
      <c r="D226" s="38"/>
      <c r="E226" s="38"/>
      <c r="F226" s="38"/>
      <c r="G226" s="38"/>
      <c r="H226" s="38"/>
      <c r="I226" s="38"/>
      <c r="J226" s="27"/>
      <c r="K226" s="27"/>
      <c r="L226" s="27"/>
      <c r="M226" s="27"/>
      <c r="N226" s="27"/>
      <c r="O226" s="27"/>
      <c r="P226" s="27"/>
      <c r="Q226" s="27"/>
      <c r="R226" s="27"/>
      <c r="S226" s="28"/>
      <c r="T226" s="28"/>
      <c r="U226" s="28"/>
      <c r="V226" s="28"/>
      <c r="W226" s="28"/>
      <c r="X226" s="28"/>
      <c r="Y226" s="129"/>
      <c r="Z226" s="129"/>
      <c r="AA226" s="129"/>
    </row>
    <row r="227" spans="1:35" s="74" customFormat="1" ht="21" customHeight="1">
      <c r="A227" s="34" t="s">
        <v>168</v>
      </c>
      <c r="B227" s="87"/>
      <c r="C227" s="43"/>
      <c r="D227" s="43"/>
      <c r="E227" s="43"/>
      <c r="F227" s="43"/>
      <c r="G227" s="43"/>
      <c r="H227" s="43"/>
      <c r="I227" s="43"/>
      <c r="J227" s="44"/>
      <c r="K227" s="44"/>
      <c r="L227" s="44"/>
      <c r="M227" s="44"/>
      <c r="N227" s="44"/>
      <c r="O227" s="44"/>
      <c r="P227" s="44"/>
      <c r="Q227" s="44"/>
      <c r="R227" s="44"/>
      <c r="S227" s="45"/>
      <c r="T227" s="45"/>
      <c r="U227" s="45"/>
      <c r="V227" s="45"/>
      <c r="W227" s="45"/>
      <c r="X227" s="45"/>
      <c r="Y227" s="37"/>
      <c r="Z227" s="37"/>
      <c r="AA227" s="37"/>
      <c r="AB227" s="45"/>
      <c r="AC227" s="45"/>
      <c r="AD227" s="45"/>
      <c r="AE227" s="45"/>
      <c r="AF227" s="66"/>
      <c r="AG227" s="66"/>
      <c r="AH227" s="66"/>
      <c r="AI227" s="66"/>
    </row>
    <row r="228" spans="1:35" s="74" customFormat="1" ht="30" customHeight="1">
      <c r="A228" s="66"/>
      <c r="B228" s="100" t="s">
        <v>12</v>
      </c>
      <c r="C228" s="131" t="s">
        <v>148</v>
      </c>
      <c r="D228" s="131"/>
      <c r="E228" s="131"/>
      <c r="F228" s="131"/>
      <c r="G228" s="131"/>
      <c r="H228" s="131"/>
      <c r="I228" s="131"/>
      <c r="J228" s="131"/>
      <c r="K228" s="131"/>
      <c r="L228" s="131"/>
      <c r="M228" s="131"/>
      <c r="N228" s="131"/>
      <c r="O228" s="131"/>
      <c r="P228" s="131"/>
      <c r="Q228" s="131"/>
      <c r="R228" s="131"/>
      <c r="S228" s="131"/>
      <c r="T228" s="131"/>
      <c r="U228" s="131"/>
      <c r="V228" s="131"/>
      <c r="W228" s="131"/>
      <c r="X228" s="131"/>
      <c r="Y228" s="132"/>
      <c r="Z228" s="132"/>
      <c r="AA228" s="132"/>
      <c r="AB228" s="66"/>
      <c r="AC228" s="66"/>
      <c r="AD228" s="66"/>
      <c r="AE228" s="66"/>
    </row>
    <row r="229" spans="1:35" s="78" customFormat="1" ht="9" customHeight="1">
      <c r="A229" s="80"/>
      <c r="B229" s="102"/>
      <c r="C229" s="80"/>
      <c r="D229" s="80"/>
      <c r="E229" s="80"/>
      <c r="F229" s="80"/>
      <c r="G229" s="80"/>
      <c r="H229" s="80"/>
      <c r="I229" s="79"/>
      <c r="J229" s="79"/>
      <c r="K229" s="79"/>
      <c r="L229" s="79"/>
      <c r="M229" s="79"/>
      <c r="N229" s="79"/>
      <c r="O229" s="79"/>
      <c r="P229" s="79"/>
      <c r="Q229" s="79"/>
      <c r="R229" s="79"/>
      <c r="S229" s="79"/>
      <c r="T229" s="79"/>
      <c r="U229" s="79"/>
      <c r="V229" s="79"/>
      <c r="W229" s="79"/>
      <c r="X229" s="79"/>
      <c r="Y229" s="81"/>
      <c r="Z229" s="81"/>
      <c r="AA229" s="81"/>
    </row>
    <row r="230" spans="1:35" s="74" customFormat="1" ht="21" customHeight="1">
      <c r="A230" s="34" t="s">
        <v>169</v>
      </c>
      <c r="B230" s="87"/>
      <c r="C230" s="43"/>
      <c r="D230" s="43"/>
      <c r="E230" s="43"/>
      <c r="F230" s="43"/>
      <c r="G230" s="43"/>
      <c r="H230" s="43"/>
      <c r="I230" s="43"/>
      <c r="J230" s="44"/>
      <c r="K230" s="44"/>
      <c r="L230" s="44"/>
      <c r="M230" s="44"/>
      <c r="N230" s="44"/>
      <c r="O230" s="44"/>
      <c r="P230" s="44"/>
      <c r="Q230" s="44"/>
      <c r="R230" s="44"/>
      <c r="S230" s="45"/>
      <c r="T230" s="45"/>
      <c r="U230" s="45"/>
      <c r="V230" s="45"/>
      <c r="W230" s="45"/>
      <c r="X230" s="45"/>
      <c r="Y230" s="37"/>
      <c r="Z230" s="37"/>
      <c r="AA230" s="37"/>
      <c r="AB230" s="45"/>
      <c r="AC230" s="45"/>
      <c r="AD230" s="45"/>
      <c r="AE230" s="45"/>
      <c r="AF230" s="66"/>
      <c r="AG230" s="66"/>
      <c r="AH230" s="66"/>
      <c r="AI230" s="66"/>
    </row>
    <row r="231" spans="1:35" s="74" customFormat="1" ht="24" customHeight="1">
      <c r="A231" s="66"/>
      <c r="B231" s="100" t="s">
        <v>12</v>
      </c>
      <c r="C231" s="131" t="s">
        <v>149</v>
      </c>
      <c r="D231" s="131"/>
      <c r="E231" s="131"/>
      <c r="F231" s="131"/>
      <c r="G231" s="131"/>
      <c r="H231" s="131"/>
      <c r="I231" s="131"/>
      <c r="J231" s="131"/>
      <c r="K231" s="131"/>
      <c r="L231" s="131"/>
      <c r="M231" s="131"/>
      <c r="N231" s="131"/>
      <c r="O231" s="131"/>
      <c r="P231" s="131"/>
      <c r="Q231" s="131"/>
      <c r="R231" s="131"/>
      <c r="S231" s="131"/>
      <c r="T231" s="131"/>
      <c r="U231" s="131"/>
      <c r="V231" s="131"/>
      <c r="W231" s="131"/>
      <c r="X231" s="131"/>
      <c r="Y231" s="132"/>
      <c r="Z231" s="132"/>
      <c r="AA231" s="132"/>
      <c r="AB231" s="66"/>
      <c r="AC231" s="66"/>
      <c r="AD231" s="66"/>
      <c r="AE231" s="66"/>
    </row>
    <row r="232" spans="1:35" s="78" customFormat="1" ht="9" customHeight="1">
      <c r="A232" s="80"/>
      <c r="B232" s="102"/>
      <c r="C232" s="80"/>
      <c r="D232" s="80"/>
      <c r="E232" s="80"/>
      <c r="F232" s="80"/>
      <c r="G232" s="80"/>
      <c r="H232" s="80"/>
      <c r="I232" s="79"/>
      <c r="J232" s="79"/>
      <c r="K232" s="79"/>
      <c r="L232" s="79"/>
      <c r="M232" s="79"/>
      <c r="N232" s="79"/>
      <c r="O232" s="79"/>
      <c r="P232" s="79"/>
      <c r="Q232" s="79"/>
      <c r="R232" s="79"/>
      <c r="S232" s="79"/>
      <c r="T232" s="79"/>
      <c r="U232" s="79"/>
      <c r="V232" s="79"/>
      <c r="W232" s="79"/>
      <c r="X232" s="79"/>
      <c r="Y232" s="81"/>
      <c r="Z232" s="81"/>
      <c r="AA232" s="81"/>
    </row>
    <row r="233" spans="1:35" s="74" customFormat="1" ht="21" customHeight="1">
      <c r="A233" s="34" t="s">
        <v>170</v>
      </c>
      <c r="B233" s="87"/>
      <c r="C233" s="43"/>
      <c r="D233" s="43"/>
      <c r="E233" s="43"/>
      <c r="F233" s="43"/>
      <c r="G233" s="43"/>
      <c r="H233" s="43"/>
      <c r="I233" s="43"/>
      <c r="J233" s="44"/>
      <c r="K233" s="44"/>
      <c r="L233" s="44"/>
      <c r="M233" s="44"/>
      <c r="N233" s="44"/>
      <c r="O233" s="44"/>
      <c r="P233" s="44"/>
      <c r="Q233" s="44"/>
      <c r="R233" s="44"/>
      <c r="S233" s="45"/>
      <c r="T233" s="45"/>
      <c r="U233" s="45"/>
      <c r="V233" s="45"/>
      <c r="W233" s="45"/>
      <c r="X233" s="45"/>
      <c r="Y233" s="37"/>
      <c r="Z233" s="37"/>
      <c r="AA233" s="37"/>
      <c r="AB233" s="45"/>
      <c r="AC233" s="45"/>
      <c r="AD233" s="45"/>
      <c r="AE233" s="45"/>
      <c r="AF233" s="66"/>
      <c r="AG233" s="66"/>
      <c r="AH233" s="66"/>
      <c r="AI233" s="66"/>
    </row>
    <row r="234" spans="1:35" s="74" customFormat="1" ht="54" customHeight="1">
      <c r="A234" s="66"/>
      <c r="B234" s="100" t="s">
        <v>12</v>
      </c>
      <c r="C234" s="131" t="s">
        <v>150</v>
      </c>
      <c r="D234" s="131"/>
      <c r="E234" s="131"/>
      <c r="F234" s="131"/>
      <c r="G234" s="131"/>
      <c r="H234" s="131"/>
      <c r="I234" s="131"/>
      <c r="J234" s="131"/>
      <c r="K234" s="131"/>
      <c r="L234" s="131"/>
      <c r="M234" s="131"/>
      <c r="N234" s="131"/>
      <c r="O234" s="131"/>
      <c r="P234" s="131"/>
      <c r="Q234" s="131"/>
      <c r="R234" s="131"/>
      <c r="S234" s="131"/>
      <c r="T234" s="131"/>
      <c r="U234" s="131"/>
      <c r="V234" s="131"/>
      <c r="W234" s="131"/>
      <c r="X234" s="131"/>
      <c r="Y234" s="132"/>
      <c r="Z234" s="132"/>
      <c r="AA234" s="132"/>
      <c r="AB234" s="66"/>
      <c r="AC234" s="66"/>
      <c r="AD234" s="66"/>
      <c r="AE234" s="66"/>
    </row>
    <row r="235" spans="1:35" s="78" customFormat="1" ht="9" customHeight="1">
      <c r="A235" s="80"/>
      <c r="B235" s="102"/>
      <c r="C235" s="80"/>
      <c r="D235" s="80"/>
      <c r="E235" s="80"/>
      <c r="F235" s="80"/>
      <c r="G235" s="80"/>
      <c r="H235" s="80"/>
      <c r="I235" s="79"/>
      <c r="J235" s="79"/>
      <c r="K235" s="79"/>
      <c r="L235" s="79"/>
      <c r="M235" s="79"/>
      <c r="N235" s="79"/>
      <c r="O235" s="79"/>
      <c r="P235" s="79"/>
      <c r="Q235" s="79"/>
      <c r="R235" s="79"/>
      <c r="S235" s="79"/>
      <c r="T235" s="79"/>
      <c r="U235" s="79"/>
      <c r="V235" s="79"/>
      <c r="W235" s="79"/>
      <c r="X235" s="79"/>
      <c r="Y235" s="81"/>
      <c r="Z235" s="81"/>
      <c r="AA235" s="81"/>
    </row>
    <row r="236" spans="1:35" s="74" customFormat="1" ht="21" customHeight="1">
      <c r="A236" s="34" t="s">
        <v>171</v>
      </c>
      <c r="B236" s="87"/>
      <c r="C236" s="43"/>
      <c r="D236" s="43"/>
      <c r="E236" s="43"/>
      <c r="F236" s="43"/>
      <c r="G236" s="43"/>
      <c r="H236" s="43"/>
      <c r="I236" s="43"/>
      <c r="J236" s="44"/>
      <c r="K236" s="44"/>
      <c r="L236" s="44"/>
      <c r="M236" s="44"/>
      <c r="N236" s="44"/>
      <c r="O236" s="44"/>
      <c r="P236" s="44"/>
      <c r="Q236" s="44"/>
      <c r="R236" s="44"/>
      <c r="S236" s="45"/>
      <c r="T236" s="45"/>
      <c r="U236" s="45"/>
      <c r="V236" s="45"/>
      <c r="W236" s="45"/>
      <c r="X236" s="45"/>
      <c r="Y236" s="37"/>
      <c r="Z236" s="37"/>
      <c r="AA236" s="37"/>
      <c r="AB236" s="45"/>
      <c r="AC236" s="45"/>
      <c r="AD236" s="45"/>
      <c r="AE236" s="45"/>
      <c r="AF236" s="66"/>
      <c r="AG236" s="66"/>
      <c r="AH236" s="66"/>
      <c r="AI236" s="66"/>
    </row>
    <row r="237" spans="1:35" s="74" customFormat="1" ht="42" customHeight="1">
      <c r="A237" s="66"/>
      <c r="B237" s="100" t="s">
        <v>12</v>
      </c>
      <c r="C237" s="131" t="s">
        <v>151</v>
      </c>
      <c r="D237" s="131"/>
      <c r="E237" s="131"/>
      <c r="F237" s="131"/>
      <c r="G237" s="131"/>
      <c r="H237" s="131"/>
      <c r="I237" s="131"/>
      <c r="J237" s="131"/>
      <c r="K237" s="131"/>
      <c r="L237" s="131"/>
      <c r="M237" s="131"/>
      <c r="N237" s="131"/>
      <c r="O237" s="131"/>
      <c r="P237" s="131"/>
      <c r="Q237" s="131"/>
      <c r="R237" s="131"/>
      <c r="S237" s="131"/>
      <c r="T237" s="131"/>
      <c r="U237" s="131"/>
      <c r="V237" s="131"/>
      <c r="W237" s="131"/>
      <c r="X237" s="131"/>
      <c r="Y237" s="132"/>
      <c r="Z237" s="132"/>
      <c r="AA237" s="132"/>
      <c r="AB237" s="66"/>
      <c r="AC237" s="66"/>
      <c r="AD237" s="66"/>
      <c r="AE237" s="66"/>
    </row>
  </sheetData>
  <mergeCells count="218">
    <mergeCell ref="C212:X212"/>
    <mergeCell ref="Y212:AA212"/>
    <mergeCell ref="C215:X215"/>
    <mergeCell ref="Y215:AA215"/>
    <mergeCell ref="C201:X201"/>
    <mergeCell ref="Y201:AA201"/>
    <mergeCell ref="C202:X202"/>
    <mergeCell ref="Y202:AA202"/>
    <mergeCell ref="C205:X205"/>
    <mergeCell ref="Y205:AA205"/>
    <mergeCell ref="C192:X192"/>
    <mergeCell ref="Y192:AA192"/>
    <mergeCell ref="C195:X195"/>
    <mergeCell ref="Y195:AA195"/>
    <mergeCell ref="C198:X198"/>
    <mergeCell ref="Y198:AA198"/>
    <mergeCell ref="Y206:AA206"/>
    <mergeCell ref="C206:X206"/>
    <mergeCell ref="C209:X209"/>
    <mergeCell ref="Y209:AA209"/>
    <mergeCell ref="C183:X183"/>
    <mergeCell ref="Y183:AA183"/>
    <mergeCell ref="C184:X184"/>
    <mergeCell ref="Y184:AA184"/>
    <mergeCell ref="C185:X185"/>
    <mergeCell ref="Y185:AA185"/>
    <mergeCell ref="C188:X188"/>
    <mergeCell ref="Y188:AA188"/>
    <mergeCell ref="C189:X189"/>
    <mergeCell ref="Y189:AA189"/>
    <mergeCell ref="C176:X176"/>
    <mergeCell ref="Y176:AA176"/>
    <mergeCell ref="C177:X177"/>
    <mergeCell ref="Y177:AA177"/>
    <mergeCell ref="C180:X180"/>
    <mergeCell ref="Y180:AA180"/>
    <mergeCell ref="C181:X181"/>
    <mergeCell ref="Y181:AA181"/>
    <mergeCell ref="C182:X182"/>
    <mergeCell ref="Y182:AA182"/>
    <mergeCell ref="C169:X169"/>
    <mergeCell ref="Y169:AA169"/>
    <mergeCell ref="C170:X170"/>
    <mergeCell ref="Y170:AA170"/>
    <mergeCell ref="C173:X173"/>
    <mergeCell ref="Y173:AA173"/>
    <mergeCell ref="C174:X174"/>
    <mergeCell ref="Y174:AA174"/>
    <mergeCell ref="C175:X175"/>
    <mergeCell ref="Y175:AA175"/>
    <mergeCell ref="H13:K13"/>
    <mergeCell ref="R13:S13"/>
    <mergeCell ref="T13:AA13"/>
    <mergeCell ref="C37:X37"/>
    <mergeCell ref="U36:AA36"/>
    <mergeCell ref="Y37:AA37"/>
    <mergeCell ref="C165:X165"/>
    <mergeCell ref="Y165:AA165"/>
    <mergeCell ref="C166:X166"/>
    <mergeCell ref="Y166:AA166"/>
    <mergeCell ref="C45:X45"/>
    <mergeCell ref="Y45:AA45"/>
    <mergeCell ref="C43:X43"/>
    <mergeCell ref="Y43:AA43"/>
    <mergeCell ref="C44:X44"/>
    <mergeCell ref="Y44:AA44"/>
    <mergeCell ref="C66:X66"/>
    <mergeCell ref="Y66:AA66"/>
    <mergeCell ref="C67:X67"/>
    <mergeCell ref="Y67:AA67"/>
    <mergeCell ref="C62:X62"/>
    <mergeCell ref="Y62:AA62"/>
    <mergeCell ref="C56:X56"/>
    <mergeCell ref="Y56:AA56"/>
    <mergeCell ref="A1:AA1"/>
    <mergeCell ref="A2:AA2"/>
    <mergeCell ref="A4:G4"/>
    <mergeCell ref="A5:J6"/>
    <mergeCell ref="K5:AA6"/>
    <mergeCell ref="C8:G9"/>
    <mergeCell ref="A8:B15"/>
    <mergeCell ref="C42:X42"/>
    <mergeCell ref="Y42:AA42"/>
    <mergeCell ref="A23:I24"/>
    <mergeCell ref="C14:G14"/>
    <mergeCell ref="H14:AA15"/>
    <mergeCell ref="Y26:AA26"/>
    <mergeCell ref="C27:X27"/>
    <mergeCell ref="Y27:AA27"/>
    <mergeCell ref="H8:AA9"/>
    <mergeCell ref="H10:AA12"/>
    <mergeCell ref="C11:G11"/>
    <mergeCell ref="C28:X28"/>
    <mergeCell ref="Y28:AA28"/>
    <mergeCell ref="C29:X29"/>
    <mergeCell ref="Y29:AA29"/>
    <mergeCell ref="C30:X30"/>
    <mergeCell ref="Y30:AA30"/>
    <mergeCell ref="C49:X49"/>
    <mergeCell ref="Y49:AA49"/>
    <mergeCell ref="C50:X50"/>
    <mergeCell ref="Y50:AA50"/>
    <mergeCell ref="C57:X57"/>
    <mergeCell ref="Y57:AA57"/>
    <mergeCell ref="C58:X58"/>
    <mergeCell ref="Y58:AA58"/>
    <mergeCell ref="C61:X61"/>
    <mergeCell ref="Y61:AA61"/>
    <mergeCell ref="C63:X63"/>
    <mergeCell ref="Y63:AA63"/>
    <mergeCell ref="C65:X65"/>
    <mergeCell ref="Y65:AA65"/>
    <mergeCell ref="C114:X114"/>
    <mergeCell ref="Y114:AA114"/>
    <mergeCell ref="C118:X118"/>
    <mergeCell ref="Y118:AA118"/>
    <mergeCell ref="C115:X115"/>
    <mergeCell ref="Y115:AA115"/>
    <mergeCell ref="C104:X104"/>
    <mergeCell ref="Y104:AA104"/>
    <mergeCell ref="C101:X101"/>
    <mergeCell ref="Y101:AA101"/>
    <mergeCell ref="C106:X106"/>
    <mergeCell ref="Y106:AA106"/>
    <mergeCell ref="C108:X108"/>
    <mergeCell ref="Y108:AA108"/>
    <mergeCell ref="C107:X107"/>
    <mergeCell ref="Y107:AA107"/>
    <mergeCell ref="Y86:AA86"/>
    <mergeCell ref="C76:X76"/>
    <mergeCell ref="Y76:AA76"/>
    <mergeCell ref="C77:X77"/>
    <mergeCell ref="C145:X145"/>
    <mergeCell ref="Y145:AA145"/>
    <mergeCell ref="C148:X148"/>
    <mergeCell ref="Y148:AA148"/>
    <mergeCell ref="C142:X142"/>
    <mergeCell ref="Y142:AA142"/>
    <mergeCell ref="C133:X133"/>
    <mergeCell ref="Y133:AA133"/>
    <mergeCell ref="C141:X141"/>
    <mergeCell ref="Y141:AA141"/>
    <mergeCell ref="C135:X135"/>
    <mergeCell ref="Y135:AA135"/>
    <mergeCell ref="Y159:AA159"/>
    <mergeCell ref="C157:X157"/>
    <mergeCell ref="C153:X153"/>
    <mergeCell ref="Y153:AA153"/>
    <mergeCell ref="C156:X156"/>
    <mergeCell ref="Y156:AA156"/>
    <mergeCell ref="C149:X149"/>
    <mergeCell ref="Y149:AA149"/>
    <mergeCell ref="C150:X150"/>
    <mergeCell ref="Y150:AA150"/>
    <mergeCell ref="C158:X158"/>
    <mergeCell ref="Y158:AA158"/>
    <mergeCell ref="C159:X159"/>
    <mergeCell ref="C31:X31"/>
    <mergeCell ref="Y31:AA31"/>
    <mergeCell ref="C38:X38"/>
    <mergeCell ref="Y38:AA38"/>
    <mergeCell ref="C39:X39"/>
    <mergeCell ref="Y39:AA39"/>
    <mergeCell ref="C40:X40"/>
    <mergeCell ref="Y40:AA40"/>
    <mergeCell ref="C41:X41"/>
    <mergeCell ref="Y41:AA41"/>
    <mergeCell ref="C46:X46"/>
    <mergeCell ref="Y46:AA46"/>
    <mergeCell ref="Y157:AA157"/>
    <mergeCell ref="C70:X70"/>
    <mergeCell ref="Y70:AA70"/>
    <mergeCell ref="C82:X82"/>
    <mergeCell ref="C83:X83"/>
    <mergeCell ref="Y82:AA82"/>
    <mergeCell ref="Y83:AA83"/>
    <mergeCell ref="C90:X90"/>
    <mergeCell ref="Y90:AA90"/>
    <mergeCell ref="C105:X105"/>
    <mergeCell ref="Y105:AA105"/>
    <mergeCell ref="C98:X98"/>
    <mergeCell ref="Y98:AA98"/>
    <mergeCell ref="C95:X95"/>
    <mergeCell ref="Y95:AA95"/>
    <mergeCell ref="C89:X89"/>
    <mergeCell ref="Y89:AA89"/>
    <mergeCell ref="C93:X93"/>
    <mergeCell ref="Y93:AA93"/>
    <mergeCell ref="C94:X94"/>
    <mergeCell ref="Y94:AA94"/>
    <mergeCell ref="C86:X86"/>
    <mergeCell ref="C126:X126"/>
    <mergeCell ref="Y126:AA126"/>
    <mergeCell ref="C127:X127"/>
    <mergeCell ref="Y127:AA127"/>
    <mergeCell ref="C134:X134"/>
    <mergeCell ref="Y134:AA134"/>
    <mergeCell ref="Y77:AA77"/>
    <mergeCell ref="C80:X80"/>
    <mergeCell ref="Y80:AA80"/>
    <mergeCell ref="C81:X81"/>
    <mergeCell ref="Y81:AA81"/>
    <mergeCell ref="C124:X124"/>
    <mergeCell ref="Y124:AA124"/>
    <mergeCell ref="C125:X125"/>
    <mergeCell ref="Y125:AA125"/>
    <mergeCell ref="C234:X234"/>
    <mergeCell ref="Y234:AA234"/>
    <mergeCell ref="C237:X237"/>
    <mergeCell ref="Y237:AA237"/>
    <mergeCell ref="C221:X221"/>
    <mergeCell ref="Y221:AA221"/>
    <mergeCell ref="C222:X222"/>
    <mergeCell ref="Y222:AA222"/>
    <mergeCell ref="C228:X228"/>
    <mergeCell ref="Y228:AA228"/>
    <mergeCell ref="C231:X231"/>
    <mergeCell ref="Y231:AA231"/>
  </mergeCells>
  <phoneticPr fontId="1"/>
  <printOptions horizontalCentered="1"/>
  <pageMargins left="0.59055118110236227" right="0.39370078740157483" top="0.70866141732283472" bottom="0.70866141732283472" header="0" footer="0"/>
  <pageSetup paperSize="9" scale="83" fitToHeight="0" orientation="portrait" r:id="rId1"/>
  <headerFooter alignWithMargins="0">
    <oddFooter>&amp;C&amp;P</oddFooter>
  </headerFooter>
  <rowBreaks count="6" manualBreakCount="6">
    <brk id="42" max="27" man="1"/>
    <brk id="71" max="27" man="1"/>
    <brk id="105" max="27" man="1"/>
    <brk id="136" max="27" man="1"/>
    <brk id="167" max="27" man="1"/>
    <brk id="203" max="2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05運営状況点検書</vt:lpstr>
      <vt:lpstr>'R05運営状況点検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user</cp:lastModifiedBy>
  <cp:lastPrinted>2023-12-26T01:17:49Z</cp:lastPrinted>
  <dcterms:created xsi:type="dcterms:W3CDTF">2020-01-28T01:12:50Z</dcterms:created>
  <dcterms:modified xsi:type="dcterms:W3CDTF">2023-12-28T07:01:00Z</dcterms:modified>
</cp:coreProperties>
</file>